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3.xml" ContentType="application/vnd.openxmlformats-officedocument.theme+xml"/>
  <Override PartName="/ppt/slideLayouts/slideLayout36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rawings/drawing1.xml" ContentType="application/vnd.openxmlformats-officedocument.drawingml.chartshap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83" r:id="rId5"/>
    <p:sldMasterId id="2147483671" r:id="rId6"/>
    <p:sldMasterId id="2147483660" r:id="rId7"/>
  </p:sldMasterIdLst>
  <p:notesMasterIdLst>
    <p:notesMasterId r:id="rId17"/>
  </p:notesMasterIdLst>
  <p:handoutMasterIdLst>
    <p:handoutMasterId r:id="rId18"/>
  </p:handoutMasterIdLst>
  <p:sldIdLst>
    <p:sldId id="289" r:id="rId8"/>
    <p:sldId id="291" r:id="rId9"/>
    <p:sldId id="260" r:id="rId10"/>
    <p:sldId id="259" r:id="rId11"/>
    <p:sldId id="298" r:id="rId12"/>
    <p:sldId id="299" r:id="rId13"/>
    <p:sldId id="297" r:id="rId14"/>
    <p:sldId id="296" r:id="rId15"/>
    <p:sldId id="293" r:id="rId1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Sarah Howdeshelt" initials="SH" lastIdx="1" clrIdx="0">
    <p:extLst>
      <p:ext uri="{19B8F6BF-5375-455C-9EA6-DF929625EA0E}">
        <p15:presenceInfo xmlns:p15="http://schemas.microsoft.com/office/powerpoint/2012/main" userId="S::sarah.howdeshelt@AES.COM::25d21bd7-ebcf-4388-bb55-1c89905b941f" providerId="AD"/>
      </p:ext>
    </p:extLst>
  </p:cmAuthor>
  <p:cmAuthor id="2" name="Paul Dumais" initials="PD" lastIdx="1" clrIdx="1">
    <p:extLst>
      <p:ext uri="{19B8F6BF-5375-455C-9EA6-DF929625EA0E}">
        <p15:presenceInfo xmlns:p15="http://schemas.microsoft.com/office/powerpoint/2012/main" userId="583454967128e953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7055EAD-6544-4CC8-BE2B-85ABBFAB727C}" v="17" dt="2024-09-26T23:41:19.00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1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notesMaster" Target="notesMasters/notesMaster1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tableStyles" Target="tableStyles.xml"/><Relationship Id="rId10" Type="http://schemas.openxmlformats.org/officeDocument/2006/relationships/slide" Target="slides/slide3.xml"/><Relationship Id="rId19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Paul Dumais" userId="583454967128e953" providerId="LiveId" clId="{47055EAD-6544-4CC8-BE2B-85ABBFAB727C}"/>
    <pc:docChg chg="undo custSel addSld delSld modSld sldOrd">
      <pc:chgData name="Paul Dumais" userId="583454967128e953" providerId="LiveId" clId="{47055EAD-6544-4CC8-BE2B-85ABBFAB727C}" dt="2024-09-26T23:41:45.814" v="1597" actId="6549"/>
      <pc:docMkLst>
        <pc:docMk/>
      </pc:docMkLst>
      <pc:sldChg chg="addSp delSp modSp mod">
        <pc:chgData name="Paul Dumais" userId="583454967128e953" providerId="LiveId" clId="{47055EAD-6544-4CC8-BE2B-85ABBFAB727C}" dt="2024-09-26T23:40:27.855" v="1595" actId="14100"/>
        <pc:sldMkLst>
          <pc:docMk/>
          <pc:sldMk cId="1530386892" sldId="259"/>
        </pc:sldMkLst>
        <pc:picChg chg="add mod">
          <ac:chgData name="Paul Dumais" userId="583454967128e953" providerId="LiveId" clId="{47055EAD-6544-4CC8-BE2B-85ABBFAB727C}" dt="2024-09-26T23:40:27.855" v="1595" actId="14100"/>
          <ac:picMkLst>
            <pc:docMk/>
            <pc:sldMk cId="1530386892" sldId="259"/>
            <ac:picMk id="3" creationId="{1FA999DC-304D-AC16-674D-DF1864612E94}"/>
          </ac:picMkLst>
        </pc:picChg>
        <pc:picChg chg="del">
          <ac:chgData name="Paul Dumais" userId="583454967128e953" providerId="LiveId" clId="{47055EAD-6544-4CC8-BE2B-85ABBFAB727C}" dt="2024-09-26T23:40:03.251" v="1590" actId="478"/>
          <ac:picMkLst>
            <pc:docMk/>
            <pc:sldMk cId="1530386892" sldId="259"/>
            <ac:picMk id="7" creationId="{FC6CF0E7-DCAE-89D0-81CF-C0FEEF6E0D72}"/>
          </ac:picMkLst>
        </pc:picChg>
      </pc:sldChg>
      <pc:sldChg chg="addSp delSp modSp mod">
        <pc:chgData name="Paul Dumais" userId="583454967128e953" providerId="LiveId" clId="{47055EAD-6544-4CC8-BE2B-85ABBFAB727C}" dt="2024-09-26T23:39:39.404" v="1589" actId="14100"/>
        <pc:sldMkLst>
          <pc:docMk/>
          <pc:sldMk cId="2512084850" sldId="260"/>
        </pc:sldMkLst>
        <pc:picChg chg="add mod">
          <ac:chgData name="Paul Dumais" userId="583454967128e953" providerId="LiveId" clId="{47055EAD-6544-4CC8-BE2B-85ABBFAB727C}" dt="2024-09-26T23:39:39.404" v="1589" actId="14100"/>
          <ac:picMkLst>
            <pc:docMk/>
            <pc:sldMk cId="2512084850" sldId="260"/>
            <ac:picMk id="3" creationId="{1A16D679-40E0-86CF-30D6-731A5A6C2A29}"/>
          </ac:picMkLst>
        </pc:picChg>
        <pc:picChg chg="del">
          <ac:chgData name="Paul Dumais" userId="583454967128e953" providerId="LiveId" clId="{47055EAD-6544-4CC8-BE2B-85ABBFAB727C}" dt="2024-09-25T17:28:44.498" v="1450" actId="478"/>
          <ac:picMkLst>
            <pc:docMk/>
            <pc:sldMk cId="2512084850" sldId="260"/>
            <ac:picMk id="3" creationId="{B002D679-F5D5-2BC2-41DC-CA58B1B555FA}"/>
          </ac:picMkLst>
        </pc:picChg>
        <pc:picChg chg="add del mod">
          <ac:chgData name="Paul Dumais" userId="583454967128e953" providerId="LiveId" clId="{47055EAD-6544-4CC8-BE2B-85ABBFAB727C}" dt="2024-09-26T23:39:13.411" v="1582" actId="478"/>
          <ac:picMkLst>
            <pc:docMk/>
            <pc:sldMk cId="2512084850" sldId="260"/>
            <ac:picMk id="4" creationId="{800B6E71-4C23-33D9-C611-146879167043}"/>
          </ac:picMkLst>
        </pc:picChg>
      </pc:sldChg>
      <pc:sldChg chg="modSp mod">
        <pc:chgData name="Paul Dumais" userId="583454967128e953" providerId="LiveId" clId="{47055EAD-6544-4CC8-BE2B-85ABBFAB727C}" dt="2024-09-24T01:08:52.920" v="23" actId="20577"/>
        <pc:sldMkLst>
          <pc:docMk/>
          <pc:sldMk cId="0" sldId="289"/>
        </pc:sldMkLst>
        <pc:spChg chg="mod">
          <ac:chgData name="Paul Dumais" userId="583454967128e953" providerId="LiveId" clId="{47055EAD-6544-4CC8-BE2B-85ABBFAB727C}" dt="2024-09-24T01:08:52.920" v="23" actId="20577"/>
          <ac:spMkLst>
            <pc:docMk/>
            <pc:sldMk cId="0" sldId="289"/>
            <ac:spMk id="37889" creationId="{61214EE2-2778-C041-8D73-47584914D5B6}"/>
          </ac:spMkLst>
        </pc:spChg>
      </pc:sldChg>
      <pc:sldChg chg="modSp mod">
        <pc:chgData name="Paul Dumais" userId="583454967128e953" providerId="LiveId" clId="{47055EAD-6544-4CC8-BE2B-85ABBFAB727C}" dt="2024-09-24T01:27:16.075" v="565" actId="6549"/>
        <pc:sldMkLst>
          <pc:docMk/>
          <pc:sldMk cId="0" sldId="291"/>
        </pc:sldMkLst>
        <pc:spChg chg="mod">
          <ac:chgData name="Paul Dumais" userId="583454967128e953" providerId="LiveId" clId="{47055EAD-6544-4CC8-BE2B-85ABBFAB727C}" dt="2024-09-24T01:27:16.075" v="565" actId="6549"/>
          <ac:spMkLst>
            <pc:docMk/>
            <pc:sldMk cId="0" sldId="291"/>
            <ac:spMk id="3" creationId="{F1AF2928-F149-A447-804F-14A901FE9BC5}"/>
          </ac:spMkLst>
        </pc:spChg>
      </pc:sldChg>
      <pc:sldChg chg="delSp modSp mod">
        <pc:chgData name="Paul Dumais" userId="583454967128e953" providerId="LiveId" clId="{47055EAD-6544-4CC8-BE2B-85ABBFAB727C}" dt="2024-09-26T18:45:22.429" v="1581" actId="1076"/>
        <pc:sldMkLst>
          <pc:docMk/>
          <pc:sldMk cId="505977120" sldId="296"/>
        </pc:sldMkLst>
        <pc:spChg chg="mod">
          <ac:chgData name="Paul Dumais" userId="583454967128e953" providerId="LiveId" clId="{47055EAD-6544-4CC8-BE2B-85ABBFAB727C}" dt="2024-09-26T12:51:39.978" v="1572" actId="1076"/>
          <ac:spMkLst>
            <pc:docMk/>
            <pc:sldMk cId="505977120" sldId="296"/>
            <ac:spMk id="2" creationId="{E6D2F702-848E-3A1F-1124-3456D507D56E}"/>
          </ac:spMkLst>
        </pc:spChg>
        <pc:spChg chg="del">
          <ac:chgData name="Paul Dumais" userId="583454967128e953" providerId="LiveId" clId="{47055EAD-6544-4CC8-BE2B-85ABBFAB727C}" dt="2024-09-26T12:52:01.571" v="1576" actId="478"/>
          <ac:spMkLst>
            <pc:docMk/>
            <pc:sldMk cId="505977120" sldId="296"/>
            <ac:spMk id="4" creationId="{39842E93-0887-8E66-F6C2-7A3647CCAE91}"/>
          </ac:spMkLst>
        </pc:spChg>
        <pc:spChg chg="mod">
          <ac:chgData name="Paul Dumais" userId="583454967128e953" providerId="LiveId" clId="{47055EAD-6544-4CC8-BE2B-85ABBFAB727C}" dt="2024-09-26T18:45:22.429" v="1581" actId="1076"/>
          <ac:spMkLst>
            <pc:docMk/>
            <pc:sldMk cId="505977120" sldId="296"/>
            <ac:spMk id="11" creationId="{4CE9326E-FC97-ADCE-6048-F9701E676042}"/>
          </ac:spMkLst>
        </pc:spChg>
        <pc:spChg chg="del">
          <ac:chgData name="Paul Dumais" userId="583454967128e953" providerId="LiveId" clId="{47055EAD-6544-4CC8-BE2B-85ABBFAB727C}" dt="2024-09-26T12:52:16.353" v="1578" actId="478"/>
          <ac:spMkLst>
            <pc:docMk/>
            <pc:sldMk cId="505977120" sldId="296"/>
            <ac:spMk id="28" creationId="{16D538E9-DDA6-D45D-71E2-DCCBD7A7E5FD}"/>
          </ac:spMkLst>
        </pc:spChg>
        <pc:graphicFrameChg chg="mod">
          <ac:chgData name="Paul Dumais" userId="583454967128e953" providerId="LiveId" clId="{47055EAD-6544-4CC8-BE2B-85ABBFAB727C}" dt="2024-09-25T20:40:27.960" v="1464" actId="14100"/>
          <ac:graphicFrameMkLst>
            <pc:docMk/>
            <pc:sldMk cId="505977120" sldId="296"/>
            <ac:graphicFrameMk id="9" creationId="{353559E3-47F8-460B-B2E6-25DB9336C5E3}"/>
          </ac:graphicFrameMkLst>
        </pc:graphicFrameChg>
        <pc:cxnChg chg="del mod">
          <ac:chgData name="Paul Dumais" userId="583454967128e953" providerId="LiveId" clId="{47055EAD-6544-4CC8-BE2B-85ABBFAB727C}" dt="2024-09-26T12:52:03.665" v="1577" actId="478"/>
          <ac:cxnSpMkLst>
            <pc:docMk/>
            <pc:sldMk cId="505977120" sldId="296"/>
            <ac:cxnSpMk id="8" creationId="{8E686A5C-2A91-568F-A030-BDB9DDF71860}"/>
          </ac:cxnSpMkLst>
        </pc:cxnChg>
        <pc:cxnChg chg="mod">
          <ac:chgData name="Paul Dumais" userId="583454967128e953" providerId="LiveId" clId="{47055EAD-6544-4CC8-BE2B-85ABBFAB727C}" dt="2024-09-26T12:50:16.537" v="1467" actId="1076"/>
          <ac:cxnSpMkLst>
            <pc:docMk/>
            <pc:sldMk cId="505977120" sldId="296"/>
            <ac:cxnSpMk id="12" creationId="{C6EB326F-B906-C737-CFE8-D3D647689DD8}"/>
          </ac:cxnSpMkLst>
        </pc:cxnChg>
        <pc:cxnChg chg="mod">
          <ac:chgData name="Paul Dumais" userId="583454967128e953" providerId="LiveId" clId="{47055EAD-6544-4CC8-BE2B-85ABBFAB727C}" dt="2024-09-26T18:45:17.202" v="1580" actId="1076"/>
          <ac:cxnSpMkLst>
            <pc:docMk/>
            <pc:sldMk cId="505977120" sldId="296"/>
            <ac:cxnSpMk id="13" creationId="{982886CF-31AF-1079-CD46-63FCDAFE8B6E}"/>
          </ac:cxnSpMkLst>
        </pc:cxnChg>
      </pc:sldChg>
      <pc:sldChg chg="addSp delSp modSp add mod ord modNotesTx">
        <pc:chgData name="Paul Dumais" userId="583454967128e953" providerId="LiveId" clId="{47055EAD-6544-4CC8-BE2B-85ABBFAB727C}" dt="2024-09-25T20:39:39.280" v="1463" actId="6549"/>
        <pc:sldMkLst>
          <pc:docMk/>
          <pc:sldMk cId="2038277170" sldId="297"/>
        </pc:sldMkLst>
        <pc:spChg chg="add del mod">
          <ac:chgData name="Paul Dumais" userId="583454967128e953" providerId="LiveId" clId="{47055EAD-6544-4CC8-BE2B-85ABBFAB727C}" dt="2024-09-24T18:21:06.504" v="690" actId="478"/>
          <ac:spMkLst>
            <pc:docMk/>
            <pc:sldMk cId="2038277170" sldId="297"/>
            <ac:spMk id="3" creationId="{5860BF7B-E6A8-F47F-20DF-87E508C7072E}"/>
          </ac:spMkLst>
        </pc:spChg>
        <pc:spChg chg="mod">
          <ac:chgData name="Paul Dumais" userId="583454967128e953" providerId="LiveId" clId="{47055EAD-6544-4CC8-BE2B-85ABBFAB727C}" dt="2024-09-25T16:59:12.888" v="1448" actId="20577"/>
          <ac:spMkLst>
            <pc:docMk/>
            <pc:sldMk cId="2038277170" sldId="297"/>
            <ac:spMk id="4" creationId="{20682E74-679B-0941-9133-8773C7E3FCEF}"/>
          </ac:spMkLst>
        </pc:spChg>
        <pc:graphicFrameChg chg="del mod modGraphic">
          <ac:chgData name="Paul Dumais" userId="583454967128e953" providerId="LiveId" clId="{47055EAD-6544-4CC8-BE2B-85ABBFAB727C}" dt="2024-09-25T16:57:58.448" v="1426" actId="478"/>
          <ac:graphicFrameMkLst>
            <pc:docMk/>
            <pc:sldMk cId="2038277170" sldId="297"/>
            <ac:graphicFrameMk id="2" creationId="{2687082B-E785-4249-8AB1-4D8F3EEF0F3E}"/>
          </ac:graphicFrameMkLst>
        </pc:graphicFrameChg>
        <pc:picChg chg="add mod">
          <ac:chgData name="Paul Dumais" userId="583454967128e953" providerId="LiveId" clId="{47055EAD-6544-4CC8-BE2B-85ABBFAB727C}" dt="2024-09-25T20:39:32.843" v="1462" actId="14100"/>
          <ac:picMkLst>
            <pc:docMk/>
            <pc:sldMk cId="2038277170" sldId="297"/>
            <ac:picMk id="2" creationId="{2D52B30D-E86E-DB40-A45E-24A4F525B5F2}"/>
          </ac:picMkLst>
        </pc:picChg>
        <pc:picChg chg="add del">
          <ac:chgData name="Paul Dumais" userId="583454967128e953" providerId="LiveId" clId="{47055EAD-6544-4CC8-BE2B-85ABBFAB727C}" dt="2024-09-25T16:58:06.213" v="1428" actId="478"/>
          <ac:picMkLst>
            <pc:docMk/>
            <pc:sldMk cId="2038277170" sldId="297"/>
            <ac:picMk id="3" creationId="{38100DCB-B826-EAC2-2603-63408D933243}"/>
          </ac:picMkLst>
        </pc:picChg>
        <pc:picChg chg="add del mod">
          <ac:chgData name="Paul Dumais" userId="583454967128e953" providerId="LiveId" clId="{47055EAD-6544-4CC8-BE2B-85ABBFAB727C}" dt="2024-09-25T20:39:00.479" v="1457" actId="478"/>
          <ac:picMkLst>
            <pc:docMk/>
            <pc:sldMk cId="2038277170" sldId="297"/>
            <ac:picMk id="5" creationId="{9B8D4063-1694-297F-473A-3A8CE0E301FE}"/>
          </ac:picMkLst>
        </pc:picChg>
      </pc:sldChg>
      <pc:sldChg chg="del">
        <pc:chgData name="Paul Dumais" userId="583454967128e953" providerId="LiveId" clId="{47055EAD-6544-4CC8-BE2B-85ABBFAB727C}" dt="2024-09-24T01:09:14.687" v="25" actId="47"/>
        <pc:sldMkLst>
          <pc:docMk/>
          <pc:sldMk cId="2459297176" sldId="297"/>
        </pc:sldMkLst>
      </pc:sldChg>
      <pc:sldChg chg="addSp delSp modSp add mod ord modNotesTx">
        <pc:chgData name="Paul Dumais" userId="583454967128e953" providerId="LiveId" clId="{47055EAD-6544-4CC8-BE2B-85ABBFAB727C}" dt="2024-09-26T23:41:45.814" v="1597" actId="6549"/>
        <pc:sldMkLst>
          <pc:docMk/>
          <pc:sldMk cId="1172235025" sldId="298"/>
        </pc:sldMkLst>
        <pc:spChg chg="mod">
          <ac:chgData name="Paul Dumais" userId="583454967128e953" providerId="LiveId" clId="{47055EAD-6544-4CC8-BE2B-85ABBFAB727C}" dt="2024-09-24T01:12:42.861" v="48" actId="20577"/>
          <ac:spMkLst>
            <pc:docMk/>
            <pc:sldMk cId="1172235025" sldId="298"/>
            <ac:spMk id="4" creationId="{20682E74-679B-0941-9133-8773C7E3FCEF}"/>
          </ac:spMkLst>
        </pc:spChg>
        <pc:graphicFrameChg chg="del">
          <ac:chgData name="Paul Dumais" userId="583454967128e953" providerId="LiveId" clId="{47055EAD-6544-4CC8-BE2B-85ABBFAB727C}" dt="2024-09-24T01:12:47.266" v="49" actId="478"/>
          <ac:graphicFrameMkLst>
            <pc:docMk/>
            <pc:sldMk cId="1172235025" sldId="298"/>
            <ac:graphicFrameMk id="2" creationId="{2687082B-E785-4249-8AB1-4D8F3EEF0F3E}"/>
          </ac:graphicFrameMkLst>
        </pc:graphicFrameChg>
        <pc:picChg chg="add mod">
          <ac:chgData name="Paul Dumais" userId="583454967128e953" providerId="LiveId" clId="{47055EAD-6544-4CC8-BE2B-85ABBFAB727C}" dt="2024-09-24T01:15:25.703" v="127" actId="14100"/>
          <ac:picMkLst>
            <pc:docMk/>
            <pc:sldMk cId="1172235025" sldId="298"/>
            <ac:picMk id="3" creationId="{144CA709-6005-8427-C814-26A3D8DF0C65}"/>
          </ac:picMkLst>
        </pc:picChg>
      </pc:sldChg>
      <pc:sldChg chg="del">
        <pc:chgData name="Paul Dumais" userId="583454967128e953" providerId="LiveId" clId="{47055EAD-6544-4CC8-BE2B-85ABBFAB727C}" dt="2024-09-24T01:09:25.630" v="27" actId="47"/>
        <pc:sldMkLst>
          <pc:docMk/>
          <pc:sldMk cId="1739280573" sldId="298"/>
        </pc:sldMkLst>
      </pc:sldChg>
      <pc:sldChg chg="addSp delSp modSp add mod modNotesTx">
        <pc:chgData name="Paul Dumais" userId="583454967128e953" providerId="LiveId" clId="{47055EAD-6544-4CC8-BE2B-85ABBFAB727C}" dt="2024-09-26T23:41:34.133" v="1596" actId="6549"/>
        <pc:sldMkLst>
          <pc:docMk/>
          <pc:sldMk cId="910042691" sldId="299"/>
        </pc:sldMkLst>
        <pc:spChg chg="add mod">
          <ac:chgData name="Paul Dumais" userId="583454967128e953" providerId="LiveId" clId="{47055EAD-6544-4CC8-BE2B-85ABBFAB727C}" dt="2024-09-24T01:28:28.483" v="588" actId="13822"/>
          <ac:spMkLst>
            <pc:docMk/>
            <pc:sldMk cId="910042691" sldId="299"/>
            <ac:spMk id="5" creationId="{DB008A78-B46D-090E-5924-FD5FB8487F1B}"/>
          </ac:spMkLst>
        </pc:spChg>
        <pc:picChg chg="add mod">
          <ac:chgData name="Paul Dumais" userId="583454967128e953" providerId="LiveId" clId="{47055EAD-6544-4CC8-BE2B-85ABBFAB727C}" dt="2024-09-24T01:17:14.313" v="135" actId="14100"/>
          <ac:picMkLst>
            <pc:docMk/>
            <pc:sldMk cId="910042691" sldId="299"/>
            <ac:picMk id="2" creationId="{CEC51C3A-4E1F-4B0F-ED28-D6D8AE5CFD52}"/>
          </ac:picMkLst>
        </pc:picChg>
        <pc:picChg chg="del">
          <ac:chgData name="Paul Dumais" userId="583454967128e953" providerId="LiveId" clId="{47055EAD-6544-4CC8-BE2B-85ABBFAB727C}" dt="2024-09-24T01:15:45.150" v="129" actId="478"/>
          <ac:picMkLst>
            <pc:docMk/>
            <pc:sldMk cId="910042691" sldId="299"/>
            <ac:picMk id="3" creationId="{144CA709-6005-8427-C814-26A3D8DF0C65}"/>
          </ac:picMkLst>
        </pc:picChg>
      </pc:sldChg>
      <pc:sldChg chg="del">
        <pc:chgData name="Paul Dumais" userId="583454967128e953" providerId="LiveId" clId="{47055EAD-6544-4CC8-BE2B-85ABBFAB727C}" dt="2024-09-24T01:09:15.789" v="26" actId="47"/>
        <pc:sldMkLst>
          <pc:docMk/>
          <pc:sldMk cId="3482606632" sldId="299"/>
        </pc:sldMkLst>
      </pc:sldChg>
      <pc:sldChg chg="modSp add del mod">
        <pc:chgData name="Paul Dumais" userId="583454967128e953" providerId="LiveId" clId="{47055EAD-6544-4CC8-BE2B-85ABBFAB727C}" dt="2024-09-25T16:59:16.669" v="1449" actId="47"/>
        <pc:sldMkLst>
          <pc:docMk/>
          <pc:sldMk cId="560161092" sldId="300"/>
        </pc:sldMkLst>
        <pc:spChg chg="mod">
          <ac:chgData name="Paul Dumais" userId="583454967128e953" providerId="LiveId" clId="{47055EAD-6544-4CC8-BE2B-85ABBFAB727C}" dt="2024-09-24T18:36:46.374" v="1210" actId="6549"/>
          <ac:spMkLst>
            <pc:docMk/>
            <pc:sldMk cId="560161092" sldId="300"/>
            <ac:spMk id="4" creationId="{20682E74-679B-0941-9133-8773C7E3FCEF}"/>
          </ac:spMkLst>
        </pc:sp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chartUserShapes" Target="../drawings/drawing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14326377952755909"/>
          <c:y val="1.7121184970399547E-2"/>
          <c:w val="0.82694721948818894"/>
          <c:h val="0.84473395394107076"/>
        </c:manualLayout>
      </c:layout>
      <c:scatterChart>
        <c:scatterStyle val="lineMarker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-Values</c:v>
                </c:pt>
              </c:strCache>
            </c:strRef>
          </c:tx>
          <c:spPr>
            <a:ln w="25400" cap="rnd">
              <a:noFill/>
              <a:round/>
            </a:ln>
            <a:effectLst/>
          </c:spPr>
          <c:marker>
            <c:symbol val="circle"/>
            <c:size val="5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A$2:$A$19</c:f>
              <c:numCache>
                <c:formatCode>General</c:formatCode>
                <c:ptCount val="18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5</c:v>
                </c:pt>
                <c:pt idx="5">
                  <c:v>6</c:v>
                </c:pt>
                <c:pt idx="6">
                  <c:v>7</c:v>
                </c:pt>
                <c:pt idx="7">
                  <c:v>8</c:v>
                </c:pt>
                <c:pt idx="8">
                  <c:v>9</c:v>
                </c:pt>
                <c:pt idx="9">
                  <c:v>10</c:v>
                </c:pt>
                <c:pt idx="10">
                  <c:v>11</c:v>
                </c:pt>
                <c:pt idx="11">
                  <c:v>12</c:v>
                </c:pt>
                <c:pt idx="12">
                  <c:v>13</c:v>
                </c:pt>
                <c:pt idx="13">
                  <c:v>14</c:v>
                </c:pt>
                <c:pt idx="14">
                  <c:v>15</c:v>
                </c:pt>
                <c:pt idx="15">
                  <c:v>16</c:v>
                </c:pt>
                <c:pt idx="16">
                  <c:v>17</c:v>
                </c:pt>
                <c:pt idx="17">
                  <c:v>18</c:v>
                </c:pt>
              </c:numCache>
            </c:numRef>
          </c:xVal>
          <c:yVal>
            <c:numRef>
              <c:f>Sheet1!$B$2:$B$19</c:f>
              <c:numCache>
                <c:formatCode>General</c:formatCode>
                <c:ptCount val="18"/>
                <c:pt idx="0">
                  <c:v>56386</c:v>
                </c:pt>
                <c:pt idx="1">
                  <c:v>104052</c:v>
                </c:pt>
                <c:pt idx="2">
                  <c:v>56840</c:v>
                </c:pt>
                <c:pt idx="3">
                  <c:v>85824</c:v>
                </c:pt>
                <c:pt idx="4">
                  <c:v>102296</c:v>
                </c:pt>
                <c:pt idx="5">
                  <c:v>180898</c:v>
                </c:pt>
                <c:pt idx="6">
                  <c:v>21315</c:v>
                </c:pt>
                <c:pt idx="7">
                  <c:v>32586</c:v>
                </c:pt>
                <c:pt idx="8">
                  <c:v>68271</c:v>
                </c:pt>
                <c:pt idx="9">
                  <c:v>103398</c:v>
                </c:pt>
                <c:pt idx="10">
                  <c:v>55851</c:v>
                </c:pt>
                <c:pt idx="11">
                  <c:v>38531</c:v>
                </c:pt>
                <c:pt idx="12">
                  <c:v>60517</c:v>
                </c:pt>
                <c:pt idx="13">
                  <c:v>45820</c:v>
                </c:pt>
                <c:pt idx="14">
                  <c:v>63699</c:v>
                </c:pt>
                <c:pt idx="15">
                  <c:v>25611</c:v>
                </c:pt>
                <c:pt idx="16">
                  <c:v>51911</c:v>
                </c:pt>
                <c:pt idx="17">
                  <c:v>45379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F1D8-4969-BF7C-8D4EF68B4C3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478102032"/>
        <c:axId val="478094544"/>
      </c:scatterChart>
      <c:valAx>
        <c:axId val="47810203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133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TOs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133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78094544"/>
        <c:crosses val="autoZero"/>
        <c:crossBetween val="midCat"/>
      </c:valAx>
      <c:valAx>
        <c:axId val="47809454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33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Rate per MW Year</a:t>
                </a:r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33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_(&quot;$&quot;* #,##0_);_(&quot;$&quot;* \(#,##0\);_(&quot;$&quot;* &quot;-&quot;_);_(@_)" sourceLinked="0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78102032"/>
        <c:crosses val="autoZero"/>
        <c:crossBetween val="midCat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1431</cdr:x>
      <cdr:y>0.5682</cdr:y>
    </cdr:from>
    <cdr:to>
      <cdr:x>0.96435</cdr:x>
      <cdr:y>0.5682</cdr:y>
    </cdr:to>
    <cdr:cxnSp macro="">
      <cdr:nvCxnSpPr>
        <cdr:cNvPr id="3" name="Straight Connector 2">
          <a:extLst xmlns:a="http://schemas.openxmlformats.org/drawingml/2006/main">
            <a:ext uri="{FF2B5EF4-FFF2-40B4-BE49-F238E27FC236}">
              <a16:creationId xmlns:a16="http://schemas.microsoft.com/office/drawing/2014/main" id="{CE7871E1-1938-81E0-4841-DFDE747C0A92}"/>
            </a:ext>
          </a:extLst>
        </cdr:cNvPr>
        <cdr:cNvCxnSpPr/>
      </cdr:nvCxnSpPr>
      <cdr:spPr>
        <a:xfrm xmlns:a="http://schemas.openxmlformats.org/drawingml/2006/main">
          <a:off x="1163087" y="3078868"/>
          <a:ext cx="6675120" cy="0"/>
        </a:xfrm>
        <a:prstGeom xmlns:a="http://schemas.openxmlformats.org/drawingml/2006/main" prst="line">
          <a:avLst/>
        </a:prstGeom>
      </cdr:spPr>
      <cdr:style>
        <a:lnRef xmlns:a="http://schemas.openxmlformats.org/drawingml/2006/main" idx="3">
          <a:schemeClr val="accent2"/>
        </a:lnRef>
        <a:fillRef xmlns:a="http://schemas.openxmlformats.org/drawingml/2006/main" idx="0">
          <a:schemeClr val="accent2"/>
        </a:fillRef>
        <a:effectRef xmlns:a="http://schemas.openxmlformats.org/drawingml/2006/main" idx="2">
          <a:schemeClr val="accent2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41204</cdr:x>
      <cdr:y>0.49852</cdr:y>
    </cdr:from>
    <cdr:to>
      <cdr:x>0.63419</cdr:x>
      <cdr:y>0.54978</cdr:y>
    </cdr:to>
    <cdr:sp macro="" textlink="">
      <cdr:nvSpPr>
        <cdr:cNvPr id="4" name="TextBox 3">
          <a:extLst xmlns:a="http://schemas.openxmlformats.org/drawingml/2006/main">
            <a:ext uri="{FF2B5EF4-FFF2-40B4-BE49-F238E27FC236}">
              <a16:creationId xmlns:a16="http://schemas.microsoft.com/office/drawing/2014/main" id="{B08A50D9-A46D-F042-C322-E1F64C56F55D}"/>
            </a:ext>
          </a:extLst>
        </cdr:cNvPr>
        <cdr:cNvSpPr txBox="1"/>
      </cdr:nvSpPr>
      <cdr:spPr>
        <a:xfrm xmlns:a="http://schemas.openxmlformats.org/drawingml/2006/main">
          <a:off x="3349032" y="2701320"/>
          <a:ext cx="1805650" cy="277774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pPr algn="ctr"/>
          <a:r>
            <a:rPr lang="en-US" sz="1600" b="1" dirty="0"/>
            <a:t>Average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5AF616DE-C137-4493-84CD-0FE8C0A03CC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D8D2565-5410-49FB-911E-FB9D27B59CBA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1D76A71-22D9-492F-A48E-A57C2B0727D4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C14B57-408D-4EE9-BC54-83C9FED2126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8967022-F6C7-4297-9751-CBE5C2B61A7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607DF11-1CEF-4E15-B42B-CFB6CBD984B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32662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66C7F64-A655-43C2-968E-CFCC7C6751E2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C7B3866-D9BB-484E-96BA-B5572350C55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47523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3" name="Slide Image Placeholder 1">
            <a:extLst>
              <a:ext uri="{FF2B5EF4-FFF2-40B4-BE49-F238E27FC236}">
                <a16:creationId xmlns:a16="http://schemas.microsoft.com/office/drawing/2014/main" id="{36462A3B-C120-164C-9CB2-8AC3B09AFF51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8914" name="Notes Placeholder 2">
            <a:extLst>
              <a:ext uri="{FF2B5EF4-FFF2-40B4-BE49-F238E27FC236}">
                <a16:creationId xmlns:a16="http://schemas.microsoft.com/office/drawing/2014/main" id="{808AFEA2-0BED-714C-A4BE-70A0AD4148DE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r>
              <a:rPr lang="en-US" altLang="en-US">
                <a:ea typeface="ＭＳ Ｐゴシック" panose="020B0600070205080204" pitchFamily="34" charset="-128"/>
              </a:rPr>
              <a:t>Cover opt3</a:t>
            </a:r>
          </a:p>
        </p:txBody>
      </p:sp>
      <p:sp>
        <p:nvSpPr>
          <p:cNvPr id="38915" name="Slide Number Placeholder 3">
            <a:extLst>
              <a:ext uri="{FF2B5EF4-FFF2-40B4-BE49-F238E27FC236}">
                <a16:creationId xmlns:a16="http://schemas.microsoft.com/office/drawing/2014/main" id="{76B48ECD-8253-E149-A65A-6405522E1168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9DA64590-A59C-4540-AE34-80FBA647AF45}" type="slidenum">
              <a:rPr lang="en-US" altLang="en-US" sz="1200"/>
              <a:pPr eaLnBrk="1" hangingPunct="1"/>
              <a:t>1</a:t>
            </a:fld>
            <a:endParaRPr lang="en-US" altLang="en-US" sz="1200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2</a:t>
            </a:fld>
            <a:endParaRPr lang="en-US" altLang="en-US" sz="120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 dirty="0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5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354439944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 dirty="0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6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36571650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 dirty="0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7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277687824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C7B3866-D9BB-484E-96BA-B5572350C557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882332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985" name="Slide Image Placeholder 1">
            <a:extLst>
              <a:ext uri="{FF2B5EF4-FFF2-40B4-BE49-F238E27FC236}">
                <a16:creationId xmlns:a16="http://schemas.microsoft.com/office/drawing/2014/main" id="{65A3E1C8-8149-E145-A4A3-FD9167B11A06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41986" name="Notes Placeholder 2">
            <a:extLst>
              <a:ext uri="{FF2B5EF4-FFF2-40B4-BE49-F238E27FC236}">
                <a16:creationId xmlns:a16="http://schemas.microsoft.com/office/drawing/2014/main" id="{3B06EAF0-D552-C34C-8FF6-095AEA2C7742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altLang="en-US">
              <a:ea typeface="ＭＳ Ｐゴシック" panose="020B0600070205080204" pitchFamily="34" charset="-128"/>
            </a:endParaRPr>
          </a:p>
        </p:txBody>
      </p:sp>
      <p:sp>
        <p:nvSpPr>
          <p:cNvPr id="41987" name="Slide Number Placeholder 3">
            <a:extLst>
              <a:ext uri="{FF2B5EF4-FFF2-40B4-BE49-F238E27FC236}">
                <a16:creationId xmlns:a16="http://schemas.microsoft.com/office/drawing/2014/main" id="{0C1C0D88-41EB-CD42-8344-F8B890F60DE7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5950CFAE-0358-DD40-BEDF-E655BD235F3B}" type="slidenum">
              <a:rPr lang="en-US" altLang="en-US" sz="1200"/>
              <a:pPr eaLnBrk="1" hangingPunct="1"/>
              <a:t>9</a:t>
            </a:fld>
            <a:endParaRPr lang="en-US" altLang="en-US" sz="1200"/>
          </a:p>
        </p:txBody>
      </p:sp>
    </p:spTree>
    <p:extLst>
      <p:ext uri="{BB962C8B-B14F-4D97-AF65-F5344CB8AC3E}">
        <p14:creationId xmlns:p14="http://schemas.microsoft.com/office/powerpoint/2010/main" val="39914066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AES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4">
            <a:extLst>
              <a:ext uri="{FF2B5EF4-FFF2-40B4-BE49-F238E27FC236}">
                <a16:creationId xmlns:a16="http://schemas.microsoft.com/office/drawing/2014/main" id="{0B78F6BD-B5CC-904F-8C8E-B5A3A88B9C5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1614" y="1502715"/>
            <a:ext cx="11428556" cy="120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371536" y="576673"/>
            <a:ext cx="10484196" cy="764184"/>
          </a:xfrm>
          <a:prstGeom prst="rect">
            <a:avLst/>
          </a:prstGeom>
        </p:spPr>
        <p:txBody>
          <a:bodyPr anchor="t">
            <a:spAutoFit/>
          </a:bodyPr>
          <a:lstStyle>
            <a:lvl1pPr marL="0" marR="3081" algn="l">
              <a:lnSpc>
                <a:spcPct val="100000"/>
              </a:lnSpc>
              <a:spcBef>
                <a:spcPts val="0"/>
              </a:spcBef>
              <a:defRPr sz="4366" b="0" i="0" kern="1200" spc="-6" baseline="0">
                <a:solidFill>
                  <a:srgbClr val="010202"/>
                </a:solidFill>
                <a:latin typeface="Arial"/>
                <a:cs typeface="Arial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71536" y="1877200"/>
            <a:ext cx="11454627" cy="3687956"/>
          </a:xfrm>
        </p:spPr>
        <p:txBody>
          <a:bodyPr tIns="0"/>
          <a:lstStyle>
            <a:lvl1pPr marL="0" marR="0" indent="0" defTabSz="554492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8732" kern="1200" spc="-6" baseline="0">
                <a:latin typeface="Arial" charset="0"/>
                <a:ea typeface="Arial" charset="0"/>
                <a:cs typeface="Arial" charset="0"/>
              </a:defRPr>
            </a:lvl1pPr>
            <a:lvl2pPr>
              <a:defRPr sz="9490">
                <a:latin typeface="Arial" charset="0"/>
                <a:ea typeface="Arial" charset="0"/>
                <a:cs typeface="Arial" charset="0"/>
              </a:defRPr>
            </a:lvl2pPr>
            <a:lvl3pPr>
              <a:defRPr sz="9490">
                <a:latin typeface="Arial" charset="0"/>
                <a:ea typeface="Arial" charset="0"/>
                <a:cs typeface="Arial" charset="0"/>
              </a:defRPr>
            </a:lvl3pPr>
            <a:lvl4pPr>
              <a:defRPr sz="9490">
                <a:latin typeface="Arial" charset="0"/>
                <a:ea typeface="Arial" charset="0"/>
                <a:cs typeface="Arial" charset="0"/>
              </a:defRPr>
            </a:lvl4pPr>
            <a:lvl5pPr>
              <a:defRPr sz="9490">
                <a:latin typeface="Arial" charset="0"/>
                <a:ea typeface="Arial" charset="0"/>
                <a:cs typeface="Arial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343969" y="6270776"/>
            <a:ext cx="2726449" cy="208898"/>
          </a:xfrm>
        </p:spPr>
        <p:txBody>
          <a:bodyPr anchor="b">
            <a:normAutofit/>
          </a:bodyPr>
          <a:lstStyle>
            <a:lvl1pPr>
              <a:defRPr sz="849" b="1" i="0" cap="all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Holder 6">
            <a:extLst>
              <a:ext uri="{FF2B5EF4-FFF2-40B4-BE49-F238E27FC236}">
                <a16:creationId xmlns:a16="http://schemas.microsoft.com/office/drawing/2014/main" id="{593940E8-723B-1C4E-A6C8-6714D4705D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65837" y="6326611"/>
            <a:ext cx="785587" cy="12996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>
            <a:lvl1pPr>
              <a:defRPr sz="849" b="1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902D98C-76AD-7348-B2FB-E43B05BD2DCF}" type="slidenum">
              <a:rPr lang="en-US" altLang="en-US"/>
              <a:pPr/>
              <a:t>‹#›</a:t>
            </a:fld>
            <a:endParaRPr lang="en-US" altLang="en-US"/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81910C95-BBAE-2447-BD59-E539F3E0334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948154" y="6283249"/>
            <a:ext cx="878009" cy="192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085979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E281F8-557C-4B61-8EBA-07F8B256BC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95D9ADF-3E3C-4C87-BF5E-F9814B5419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678FBCB-ACB7-41A6-965E-B8847F2AC2D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AC5720D-103B-41B9-8ECE-5FB54C23BD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93BE43-964A-4B29-AAA6-7B9EFD7F2C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7415E3C-41EC-4896-9853-994CB89B55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847251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409B0F-F819-420F-B006-3A61A78E5B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B1DD967-B03F-4515-98CC-0AA4AD3D562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29954A-F783-4C55-BA05-FE92CFFE41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B5FEDF-D956-4359-878D-6F30212F74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A04274-E33D-4D9C-BBE1-0938899AC9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78766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BE214AE-B72F-491D-9E1D-A5D57E275AD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CE5F10D-428A-4A19-9516-F0AD0F3D2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116AED8-2BA8-472A-8403-E735CE309B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63C2061-FEF1-4C9F-9D77-303995D88B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0AF3AAE-21DC-4F3B-8EA7-5B0869FB2E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373838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 AES 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Holder 6">
            <a:extLst>
              <a:ext uri="{FF2B5EF4-FFF2-40B4-BE49-F238E27FC236}">
                <a16:creationId xmlns:a16="http://schemas.microsoft.com/office/drawing/2014/main" id="{98BDC379-FB56-1B4C-85A1-49CC46E89D3D}"/>
              </a:ext>
            </a:extLst>
          </p:cNvPr>
          <p:cNvSpPr txBox="1">
            <a:spLocks/>
          </p:cNvSpPr>
          <p:nvPr/>
        </p:nvSpPr>
        <p:spPr>
          <a:xfrm>
            <a:off x="11653835" y="382177"/>
            <a:ext cx="172328" cy="93231"/>
          </a:xfrm>
          <a:prstGeom prst="rect">
            <a:avLst/>
          </a:prstGeom>
        </p:spPr>
        <p:txBody>
          <a:bodyPr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algn="r" eaLnBrk="1" hangingPunct="1"/>
            <a:fld id="{5332337B-3414-F340-8A76-EB308A9C5B6C}" type="slidenum">
              <a:rPr lang="en-US" altLang="en-US" sz="606" b="1">
                <a:latin typeface="Arial" panose="020B0604020202020204" pitchFamily="34" charset="0"/>
                <a:cs typeface="Arial" panose="020B0604020202020204" pitchFamily="34" charset="0"/>
              </a:rPr>
              <a:pPr algn="r" eaLnBrk="1" hangingPunct="1"/>
              <a:t>‹#›</a:t>
            </a:fld>
            <a:endParaRPr lang="en-US" altLang="en-US" sz="606" b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7163810" y="3163391"/>
            <a:ext cx="4662353" cy="2483581"/>
          </a:xfrm>
        </p:spPr>
        <p:txBody>
          <a:bodyPr>
            <a:normAutofit/>
          </a:bodyPr>
          <a:lstStyle>
            <a:lvl1pPr>
              <a:spcBef>
                <a:spcPts val="0"/>
              </a:spcBef>
              <a:spcAft>
                <a:spcPts val="485"/>
              </a:spcAft>
              <a:defRPr sz="2183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277246" indent="-277246">
              <a:spcBef>
                <a:spcPts val="0"/>
              </a:spcBef>
              <a:spcAft>
                <a:spcPts val="485"/>
              </a:spcAft>
              <a:buFont typeface="System Font Regular"/>
              <a:buChar char="→"/>
              <a:defRPr sz="2183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609941" indent="-277246">
              <a:spcAft>
                <a:spcPts val="485"/>
              </a:spcAft>
              <a:buFont typeface="Arial"/>
              <a:buChar char="•"/>
              <a:defRPr sz="2183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001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001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7163810" y="1635965"/>
            <a:ext cx="4662353" cy="1374735"/>
          </a:xfrm>
          <a:prstGeom prst="rect">
            <a:avLst/>
          </a:prstGeom>
        </p:spPr>
        <p:txBody>
          <a:bodyPr wrap="square">
            <a:spAutoFit/>
          </a:bodyPr>
          <a:lstStyle>
            <a:lvl1pPr marL="0" marR="3081" algn="l">
              <a:lnSpc>
                <a:spcPts val="4997"/>
              </a:lnSpc>
              <a:spcBef>
                <a:spcPts val="0"/>
              </a:spcBef>
              <a:defRPr sz="4366" b="0" i="0" kern="1200" spc="-6" baseline="0">
                <a:solidFill>
                  <a:srgbClr val="010202"/>
                </a:solidFill>
                <a:latin typeface="Arial"/>
                <a:cs typeface="Arial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2"/>
          </p:nvPr>
        </p:nvSpPr>
        <p:spPr>
          <a:xfrm>
            <a:off x="0" y="371510"/>
            <a:ext cx="6188422" cy="6091799"/>
          </a:xfrm>
        </p:spPr>
        <p:txBody>
          <a:bodyPr>
            <a:normAutofit/>
          </a:bodyPr>
          <a:lstStyle/>
          <a:p>
            <a:pPr lvl="0"/>
            <a:r>
              <a:rPr lang="en-US" noProof="0"/>
              <a:t>Click icon to add picture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7158853" y="763391"/>
            <a:ext cx="739376" cy="739324"/>
          </a:xfrm>
        </p:spPr>
        <p:txBody>
          <a:bodyPr>
            <a:normAutofit/>
          </a:bodyPr>
          <a:lstStyle/>
          <a:p>
            <a:pPr lvl="0"/>
            <a:r>
              <a:rPr lang="en-US" noProof="0"/>
              <a:t>Click icon to add picture</a:t>
            </a:r>
          </a:p>
        </p:txBody>
      </p:sp>
      <p:pic>
        <p:nvPicPr>
          <p:cNvPr id="8" name="Picture 3">
            <a:extLst>
              <a:ext uri="{FF2B5EF4-FFF2-40B4-BE49-F238E27FC236}">
                <a16:creationId xmlns:a16="http://schemas.microsoft.com/office/drawing/2014/main" id="{0B18EC2C-0E80-4F40-A0B8-1DE35023C4E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279057" y="6136495"/>
            <a:ext cx="1547106" cy="339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347636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459F4D-92A3-45B4-81BC-76ED3CE577C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CEBE0A4-2CD3-4DCD-8741-354007A44B1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2940CFA-F11D-442F-B54D-AE9602E644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A1EFE2-411A-4D8F-B609-55B819619E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120843-CE4E-4878-AF38-95D0D86A53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779081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538E929-7026-4975-AB34-89CA7DC929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C1C0E7-CA8D-437C-9631-A8A1E7389C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0A68E9-28F5-49D9-9DBD-C7541B4350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6C311BC-2372-4617-8BBF-EDB766A2B0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469F7F-2FCE-4ECF-8D63-8600931C2B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890478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8C1FC3-1BD3-4BD4-9F6D-BBB002310E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D6DB1D3-5EE3-4CF9-8758-1DF86307111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5A9452-0157-47C1-B2D5-C1F5BC0EEB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6A98FC-8B95-487D-8BB4-194C9608B5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E44C84-AB8A-4B1D-AD20-60342FD369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193190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4A3D8-E408-4E39-BED0-9A25ABEE3A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364F2B-17FD-4862-97A4-57C72B2116F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2A56D2C-3D06-4A07-B49D-2080866BDDB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FAADC66-254F-43AF-B7F7-D9C7E555B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BE7A579-8BAF-49D3-8BD6-1A7D6FDBEF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2C137C-077F-4D71-AB57-6A27E2E86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09919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B121D-FEC2-402B-9292-A50D9D562C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8400FB-25FC-4F11-BA55-B28AFD0A811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16DF7AA-4485-4C5B-8F59-222E0469258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0B37A90-720D-4D81-B3E1-9814B586E5C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E04E61AC-79E5-4114-87F6-F7A6942DB76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E9DC36A8-6181-4519-9704-9E8FC211E1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AB86DA3-5E1A-45B8-B1DD-E4609BA62C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2B83F1D-8B67-43F0-A7D5-B5306B677C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839160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2BBA4E-D51D-44A7-B9F3-EABEEEE284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FC4C750-16A1-487E-9FED-6D541EB8D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BBD48B8-62DF-4F8D-B8D2-CEC5B4BB27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FDC41C0-0643-4FDE-B4F5-B1B13A1646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045353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7D4A8D-5E34-43ED-A34D-FCB6CB02E14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475773D-0420-472D-923D-FA8D91191D8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12BBE2-0533-4A82-9863-8EB9A94483E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C253A7-888F-4426-AC0C-A05DEFF90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7D3E7C-D2DE-484F-BEEF-96C830DA587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950206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B29F96F-7B9C-41B4-8F26-3E11A6F453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D0B4567-61BA-4F12-B864-70F28433EF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DFB732-67B2-4B4E-BDCE-7B24F0753E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0582532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151171-8FFF-479D-8253-3720112881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1293FB-DE34-4CDB-9F11-38745505DA6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394E816-83C1-40E5-90B3-607D6494413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843876A-0DF1-48DC-9B30-129F7ADE1F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54789D-43C8-4064-8505-9C71656250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5BC9B8F-9FD1-4C36-ADCF-643079C552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04422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1C37CC-E160-491C-92E4-4D1017C373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DA81D9F-0D10-4BA2-B4F5-4BA745A1D2A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1D45EA4-DD08-4418-87FA-98A8D502E54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FAC139D-D596-4312-8748-6FF44E2C16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621046-4A59-4F60-BD8B-C13AF39AD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EC484D-8977-491D-A4DB-A3CC4C1C07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7787183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B81976-CD7A-4341-8241-82BFF0C6CF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647D0DE-B8CD-4251-8816-A547DFE334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E16786-058F-4AE4-BA3F-9ED9A27839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D7A8006-E4A9-40B3-A9B0-1375F7C02F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5FF3A2-989F-4B45-800D-EFD92CCA46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030228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1C0D18-07A4-4AE2-9554-DCA190A3E3E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8E9BFA3-C5C6-44A4-B1FC-1DDF10A881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71D4DCC-4356-4E52-A148-F5642392FC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F3A70B-E82D-491E-A612-AA325189F5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98D3BD-E0EE-4A9C-8A88-087AFB1EE8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12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D8369-83A3-4C16-99CF-B83BB5FF2B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1256BE-4414-4593-BB4A-38F0CF61436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D05E7C-8734-48F6-9080-50070005D8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8EE311-CAB9-46E4-9595-E0DF369C703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3F5F26-1ED4-4E0E-90F5-43AB584862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759396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5B29D8-8BEE-4A5C-B024-3830E43477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E5FD42D-368C-4442-82F6-B73717DEBC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BB108D-99D1-480E-A396-C403BEBA3E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E4969D-2C63-47CE-B91F-6918EA566F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F87F40-CFF2-41E7-95A4-1F936D13CD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914109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2B56D7-6A34-48D1-A833-E1207982F6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191B733-6B53-46B4-8FC6-FC1DDE07655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E2137F0-DD5F-4314-9318-15A6280B8F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5433BFE-ECD2-4482-AF55-B47007342A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F2E6D24-4B25-498E-A18F-F437D8F1FE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538697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B56A2-0C84-4EBA-9137-9F4958F924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041EE20-BD98-4DFB-A0EC-6DEA0458EDF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F67BEE4-37A3-4025-AB81-4C94488BAB3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CA6088C-86F0-4D9B-BB0B-467D4E39804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95A56FA-0A4C-4E19-9917-2F7AFDFD18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212E0E-A243-45D8-8160-7CB1DBA022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4835020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2FCE77-7A5B-4706-92B5-6EF325AC61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3EB213D-27D2-4011-B888-22A81681B2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CBFD6D9-E7DF-45BE-B942-ABDB1588DA3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2A166EE-54FD-481A-A3BE-B86808B90F2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352E28D-2802-44DD-8C0F-389DF018783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345E650-EE3A-4EE6-93A5-B930537EAD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78A04D2-BC6A-472B-BBE0-1C29FC0B90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63CCE45-542D-4D74-9C80-FF71CD6A8C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42471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FAC4D3-D6FA-49CC-9D01-92205E602F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0BD45B-8B97-4A43-A349-B65B5AF836E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2591D3-5353-4A77-AFA7-BEF8A9655B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014D814-A077-4721-A1B9-2BFBED4D53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BE854F3-9225-48DF-9084-2C70B3876A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283600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BC7B8E-7BF5-4DE8-A761-91897D78AB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B8CDDAD-39C4-41BB-9C7F-A4E9DFC3D5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C0CEF99-414A-4098-A797-9B59DCF5D8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522B176-8CAE-4AD0-9093-25FA509CC5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887030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3FE7674-C4BA-4B1F-AF14-2A6475C679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C852532-0BEC-4993-8AF4-DD017121C5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F773480-D37B-44B9-B57A-88E2ACD3C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205650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7C1AC7-818E-4693-AB47-F5A8CAACA2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37C387-E949-4D62-A9D1-FECDA969E6B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704F711-CDA4-48BD-AD87-F3078EF92FD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B5D429-DAB1-42EB-B3CF-0D0CA358ED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A6964E3-AEDE-45F8-8336-F4BDADEC2C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9AFC1D-8CE4-471B-89CF-8AFA1BF0A8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624863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2C30EF-BA30-4364-AA36-4A423C82C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A6BF1B4-C8BA-438E-BFF5-5A11E92BB34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6B3B17F-5C44-4CF4-85D4-6730495C332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05F050C-3491-44CE-9089-0C242EB130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373ADC-6D05-43CB-BB4B-B4D62F7A51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7EA792A-02D5-4678-8D80-4500408E04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528566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FD04E9-C70C-4D68-AA72-F106B7D76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BB09B0-99F5-4884-97B4-58EB844BA43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3699C7-E0C5-44EE-BA61-F4FAF23BE3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C1409B2-6E34-4982-BC95-ED5E3C6C1A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768366-FEDD-42F0-8884-2EBA42DCE7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037255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FC7A045-DEDE-469C-9C28-C53160229F4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1C5ECAF-356B-46FE-8B01-CA4F0C71C10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B06FA9-7831-4705-B647-B0537159EC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076947-34C1-4DBD-B5EA-31697721E7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835625-B580-4903-8D57-98CBB11FC7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749881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 AES Section">
    <p:bg>
      <p:bgPr>
        <a:solidFill>
          <a:srgbClr val="F5F5F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bject 7">
            <a:extLst>
              <a:ext uri="{FF2B5EF4-FFF2-40B4-BE49-F238E27FC236}">
                <a16:creationId xmlns:a16="http://schemas.microsoft.com/office/drawing/2014/main" id="{FB65D0E6-AB2B-1C4B-B3FB-E7C78137D49E}"/>
              </a:ext>
            </a:extLst>
          </p:cNvPr>
          <p:cNvSpPr>
            <a:spLocks/>
          </p:cNvSpPr>
          <p:nvPr/>
        </p:nvSpPr>
        <p:spPr bwMode="auto">
          <a:xfrm>
            <a:off x="11459364" y="6390147"/>
            <a:ext cx="35621" cy="0"/>
          </a:xfrm>
          <a:custGeom>
            <a:avLst/>
            <a:gdLst>
              <a:gd name="T0" fmla="*/ 58586 w 59690"/>
              <a:gd name="T1" fmla="*/ 0 w 59690"/>
              <a:gd name="T2" fmla="*/ 58586 w 59690"/>
              <a:gd name="T3" fmla="*/ 0 60000 65536"/>
              <a:gd name="T4" fmla="*/ 0 60000 65536"/>
              <a:gd name="T5" fmla="*/ 0 60000 65536"/>
            </a:gdLst>
            <a:ahLst/>
            <a:cxnLst>
              <a:cxn ang="T3">
                <a:pos x="T0" y="0"/>
              </a:cxn>
              <a:cxn ang="T4">
                <a:pos x="T1" y="0"/>
              </a:cxn>
              <a:cxn ang="T5">
                <a:pos x="T2" y="0"/>
              </a:cxn>
            </a:cxnLst>
            <a:rect l="0" t="0" r="r" b="b"/>
            <a:pathLst>
              <a:path w="59690">
                <a:moveTo>
                  <a:pt x="59537" y="0"/>
                </a:moveTo>
                <a:lnTo>
                  <a:pt x="0" y="0"/>
                </a:lnTo>
                <a:lnTo>
                  <a:pt x="59537" y="0"/>
                </a:lnTo>
                <a:close/>
              </a:path>
            </a:pathLst>
          </a:custGeom>
          <a:solidFill>
            <a:srgbClr val="8471B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endParaRPr lang="en-US" sz="1092"/>
          </a:p>
        </p:txBody>
      </p:sp>
      <p:sp>
        <p:nvSpPr>
          <p:cNvPr id="7" name="object 8">
            <a:extLst>
              <a:ext uri="{FF2B5EF4-FFF2-40B4-BE49-F238E27FC236}">
                <a16:creationId xmlns:a16="http://schemas.microsoft.com/office/drawing/2014/main" id="{D33BEF19-2E4F-114D-B4A2-2EF3F0EE796C}"/>
              </a:ext>
            </a:extLst>
          </p:cNvPr>
          <p:cNvSpPr>
            <a:spLocks/>
          </p:cNvSpPr>
          <p:nvPr/>
        </p:nvSpPr>
        <p:spPr bwMode="auto">
          <a:xfrm>
            <a:off x="11459364" y="6390147"/>
            <a:ext cx="35621" cy="0"/>
          </a:xfrm>
          <a:custGeom>
            <a:avLst/>
            <a:gdLst>
              <a:gd name="T0" fmla="*/ 58586 w 59690"/>
              <a:gd name="T1" fmla="*/ 0 w 59690"/>
              <a:gd name="T2" fmla="*/ 58586 w 59690"/>
              <a:gd name="T3" fmla="*/ 0 60000 65536"/>
              <a:gd name="T4" fmla="*/ 0 60000 65536"/>
              <a:gd name="T5" fmla="*/ 0 60000 65536"/>
            </a:gdLst>
            <a:ahLst/>
            <a:cxnLst>
              <a:cxn ang="T3">
                <a:pos x="T0" y="0"/>
              </a:cxn>
              <a:cxn ang="T4">
                <a:pos x="T1" y="0"/>
              </a:cxn>
              <a:cxn ang="T5">
                <a:pos x="T2" y="0"/>
              </a:cxn>
            </a:cxnLst>
            <a:rect l="0" t="0" r="r" b="b"/>
            <a:pathLst>
              <a:path w="59690">
                <a:moveTo>
                  <a:pt x="59537" y="0"/>
                </a:moveTo>
                <a:lnTo>
                  <a:pt x="0" y="0"/>
                </a:lnTo>
                <a:lnTo>
                  <a:pt x="59537" y="0"/>
                </a:lnTo>
                <a:close/>
              </a:path>
            </a:pathLst>
          </a:custGeom>
          <a:solidFill>
            <a:srgbClr val="8471B3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endParaRPr lang="en-US" sz="1092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371536" y="2062714"/>
            <a:ext cx="11451084" cy="4124655"/>
          </a:xfrm>
        </p:spPr>
        <p:txBody>
          <a:bodyPr/>
          <a:lstStyle>
            <a:lvl1pPr marL="0" marR="3081">
              <a:lnSpc>
                <a:spcPts val="5227"/>
              </a:lnSpc>
              <a:spcBef>
                <a:spcPts val="0"/>
              </a:spcBef>
              <a:defRPr sz="4366" kern="1200" spc="-6" baseline="0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Holder 2"/>
          <p:cNvSpPr>
            <a:spLocks noGrp="1"/>
          </p:cNvSpPr>
          <p:nvPr>
            <p:ph type="ctrTitle" hasCustomPrompt="1"/>
          </p:nvPr>
        </p:nvSpPr>
        <p:spPr>
          <a:xfrm>
            <a:off x="371537" y="421415"/>
            <a:ext cx="11448927" cy="1343779"/>
          </a:xfrm>
          <a:prstGeom prst="rect">
            <a:avLst/>
          </a:prstGeom>
        </p:spPr>
        <p:txBody>
          <a:bodyPr wrap="square" anchor="t">
            <a:spAutoFit/>
          </a:bodyPr>
          <a:lstStyle>
            <a:lvl1pPr marL="0" marR="3081" algn="l">
              <a:lnSpc>
                <a:spcPct val="100000"/>
              </a:lnSpc>
              <a:spcBef>
                <a:spcPts val="0"/>
              </a:spcBef>
              <a:defRPr sz="8732" b="0" i="0" kern="1200" spc="-6" baseline="0">
                <a:solidFill>
                  <a:srgbClr val="010202"/>
                </a:solidFill>
                <a:latin typeface="Arial"/>
                <a:cs typeface="Arial"/>
              </a:defRPr>
            </a:lvl1pPr>
          </a:lstStyle>
          <a:p>
            <a:r>
              <a:rPr lang="en-US" dirty="0"/>
              <a:t>Header Copy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343969" y="6270776"/>
            <a:ext cx="2726449" cy="208898"/>
          </a:xfrm>
        </p:spPr>
        <p:txBody>
          <a:bodyPr anchor="b">
            <a:normAutofit/>
          </a:bodyPr>
          <a:lstStyle>
            <a:lvl1pPr>
              <a:defRPr sz="849" b="1" i="0" cap="all" baseline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Holder 6">
            <a:extLst>
              <a:ext uri="{FF2B5EF4-FFF2-40B4-BE49-F238E27FC236}">
                <a16:creationId xmlns:a16="http://schemas.microsoft.com/office/drawing/2014/main" id="{D898A10A-2898-1045-A54B-276CEF3D4A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365837" y="6326611"/>
            <a:ext cx="785587" cy="12996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>
            <a:lvl1pPr>
              <a:defRPr sz="849" b="1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E8BAE0A9-1C8C-448C-B258-E5B77DDCF95B}" type="slidenum">
              <a:rPr lang="en-US" smtClean="0"/>
              <a:t>‹#›</a:t>
            </a:fld>
            <a:endParaRPr lang="en-US"/>
          </a:p>
        </p:txBody>
      </p:sp>
      <p:pic>
        <p:nvPicPr>
          <p:cNvPr id="10" name="Picture 4">
            <a:extLst>
              <a:ext uri="{FF2B5EF4-FFF2-40B4-BE49-F238E27FC236}">
                <a16:creationId xmlns:a16="http://schemas.microsoft.com/office/drawing/2014/main" id="{03708871-4E6A-BD4D-9CD4-402BC864810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763310" y="6286339"/>
            <a:ext cx="1048168" cy="1926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088415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105D92-F963-420F-93F0-64C0C8756B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75047E9-D6E8-42BC-B851-E8C436A3C40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943102A-9792-418C-90A8-F7FE6362FF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35AB9CD-03C2-4717-8888-A17FCF7339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CA7D1E-6C2C-413F-A701-0362290C65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6154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6263F9-3596-42F9-B200-BE2EBFB229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08CFF1-B3EA-43BF-BF20-63E285C5499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A24F814-CB56-4D8B-ABE1-3F7E47C25C7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60C150-E88D-46E3-A305-1816681D35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E00B23-A387-4B15-9BFC-B79917D85C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537984-F034-498E-8A4E-77C5A8E961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12800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6D7FDA-56F2-47AE-9540-FC15A32DAF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8755FB0-3963-44F6-A058-774471BB97D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3F3C8F-3FDA-4586-8D95-83B3A830B79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BC2B0CD-1FF9-422C-97E2-272BF0E2157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456C6FC-476A-4282-9FD0-890C9FC3CAC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3D6B8C8-D12E-4ED5-8A81-9CD05EF485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E69F039-7CB9-4B40-B955-17BD6ADA92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B19490B-3C74-4A40-A7B8-E4CCE28F2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89064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8047D7-297B-46DB-AAAD-3132F3A3E2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89CB5EF-D6AA-4A65-9F3E-E3E03B6ABB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7D534C0-C4A9-4727-9FEE-60FE5B937A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A0CC592-43F2-4DD6-8AD6-EA9C1A235F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61048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08A3BF1-384A-499C-979A-C82AE177687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C96EE1D-07E7-428B-ACE7-6301E4B8EE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846B76D-6B79-45B7-B848-FEE93C0D43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9974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6C3C9B-D798-4E1B-92BA-84AEABB58A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272214-F0E0-4CB1-851B-C2B8C67FFA0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5FF4FA-53E3-4B2A-9DBA-4F3DB52ADED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5ECCFDE-0A80-4E4D-ACE6-F651495E4C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F74EA7A-E4E2-4C25-B636-F55F2B681D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5AF126-549D-4789-B0AF-A60FC3A194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97853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/Relationships>
</file>

<file path=ppt/slideMasters/_rels/slideMaster4.xml.rels><?xml version="1.0" encoding="UTF-8" standalone="yes"?>
<Relationships xmlns="http://schemas.openxmlformats.org/package/2006/relationships"><Relationship Id="rId2" Type="http://schemas.openxmlformats.org/officeDocument/2006/relationships/theme" Target="../theme/theme4.xml"/><Relationship Id="rId1" Type="http://schemas.openxmlformats.org/officeDocument/2006/relationships/slideLayout" Target="../slideLayouts/slideLayout3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7EDB4C5-0517-4C87-9050-8BBA39001A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1F988FA-BEFC-41F9-888E-4212BEC88FF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0538F4-2864-45F6-8B47-F5C48D52E25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CBC5477-FCE3-4C08-9804-54D02F471FD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709A253-57AA-4C8C-A738-C52EF023CEC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C9E39E6-A566-403D-B588-16F04409CE6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537B609-0796-48E7-B3CE-AE1C689B771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06450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49" r:id="rId2"/>
    <p:sldLayoutId id="214748365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  <p:sldLayoutId id="2147483695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2EF306C-E61C-4C74-AC58-144AAF98ABE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E28E23-21DF-4A28-B417-EE4C8185B9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54C60A-E04F-4D06-8740-AD55D8B7DC4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08F250-A433-4A7D-98CB-087B08C297CB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1286C98-0E51-4689-9036-79F46DDC2A9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737C9D-2C67-4A86-BDFB-0749A4CFC67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8DB822-1F95-43B7-9269-080F18F5376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69994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4" r:id="rId1"/>
    <p:sldLayoutId id="2147483685" r:id="rId2"/>
    <p:sldLayoutId id="2147483686" r:id="rId3"/>
    <p:sldLayoutId id="2147483687" r:id="rId4"/>
    <p:sldLayoutId id="2147483688" r:id="rId5"/>
    <p:sldLayoutId id="2147483689" r:id="rId6"/>
    <p:sldLayoutId id="2147483690" r:id="rId7"/>
    <p:sldLayoutId id="2147483691" r:id="rId8"/>
    <p:sldLayoutId id="2147483692" r:id="rId9"/>
    <p:sldLayoutId id="2147483693" r:id="rId10"/>
    <p:sldLayoutId id="2147483694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472AE24-B76D-4C4D-B1BF-EEBF6E6C1C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BECE-1DB8-455F-AAB2-45C26F4F943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2E4E09-8437-48A3-B393-F500808D23E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A9A7C9F-69AE-43B0-B30D-AB7F56CA20EE}" type="datetimeFigureOut">
              <a:rPr lang="en-US" smtClean="0"/>
              <a:t>9/26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60411F-5DDC-47EA-AB80-9C2B51B5A14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228B34-B800-492F-8A98-3E25DE7FB5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D57D74-18C5-456D-8FEA-E88599383A3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22366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81" r:id="rId10"/>
    <p:sldLayoutId id="2147483682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>
            <a:extLst>
              <a:ext uri="{FF2B5EF4-FFF2-40B4-BE49-F238E27FC236}">
                <a16:creationId xmlns:a16="http://schemas.microsoft.com/office/drawing/2014/main" id="{6438A03C-3226-C04D-88DD-BFA3F1D3DF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539" y="416833"/>
            <a:ext cx="5651219" cy="1463245"/>
          </a:xfrm>
          <a:prstGeom prst="rect">
            <a:avLst/>
          </a:prstGeom>
        </p:spPr>
        <p:txBody>
          <a:bodyPr wrap="square" lIns="0" tIns="0" rIns="0" bIns="0">
            <a:normAutofit/>
          </a:bodyPr>
          <a:lstStyle>
            <a:lvl1pPr>
              <a:defRPr sz="15650" b="0" i="0">
                <a:solidFill>
                  <a:srgbClr val="010202"/>
                </a:solidFill>
                <a:latin typeface="Arial"/>
                <a:cs typeface="Arial"/>
              </a:defRPr>
            </a:lvl1pPr>
          </a:lstStyle>
          <a:p>
            <a:endParaRPr/>
          </a:p>
        </p:txBody>
      </p:sp>
      <p:sp>
        <p:nvSpPr>
          <p:cNvPr id="1027" name="Holder 3">
            <a:extLst>
              <a:ext uri="{FF2B5EF4-FFF2-40B4-BE49-F238E27FC236}">
                <a16:creationId xmlns:a16="http://schemas.microsoft.com/office/drawing/2014/main" id="{15A81349-9460-A149-A843-8DC4E8C164C6}"/>
              </a:ext>
            </a:extLst>
          </p:cNvPr>
          <p:cNvSpPr>
            <a:spLocks noGrp="1"/>
          </p:cNvSpPr>
          <p:nvPr>
            <p:ph type="body" idx="1"/>
          </p:nvPr>
        </p:nvSpPr>
        <p:spPr bwMode="auto">
          <a:xfrm>
            <a:off x="373539" y="1981158"/>
            <a:ext cx="11444922" cy="405665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895096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+mj-lt"/>
          <a:ea typeface="ＭＳ Ｐゴシック" charset="0"/>
          <a:cs typeface="ＭＳ Ｐゴシック" charset="0"/>
        </a:defRPr>
      </a:lvl1pPr>
      <a:lvl2pPr algn="l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5pPr>
      <a:lvl6pPr marL="277246" algn="ctr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6pPr>
      <a:lvl7pPr marL="554492" algn="ctr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7pPr>
      <a:lvl8pPr marL="831738" algn="ctr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8pPr>
      <a:lvl9pPr marL="1108984" algn="ctr" rtl="0" eaLnBrk="1" fontAlgn="base" hangingPunct="1">
        <a:spcBef>
          <a:spcPct val="0"/>
        </a:spcBef>
        <a:spcAft>
          <a:spcPct val="0"/>
        </a:spcAft>
        <a:defRPr>
          <a:solidFill>
            <a:schemeClr val="tx2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207935" indent="-207935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277246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554492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831738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1108984" algn="l" rtl="0" eaLnBrk="1" fontAlgn="base" hangingPunct="1">
        <a:spcBef>
          <a:spcPct val="20000"/>
        </a:spcBef>
        <a:spcAft>
          <a:spcPct val="0"/>
        </a:spcAft>
        <a:defRPr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1386230" eaLnBrk="1" hangingPunct="1">
        <a:defRPr>
          <a:latin typeface="+mn-lt"/>
          <a:ea typeface="+mn-ea"/>
          <a:cs typeface="+mn-cs"/>
        </a:defRPr>
      </a:lvl6pPr>
      <a:lvl7pPr marL="1663476" eaLnBrk="1" hangingPunct="1">
        <a:defRPr>
          <a:latin typeface="+mn-lt"/>
          <a:ea typeface="+mn-ea"/>
          <a:cs typeface="+mn-cs"/>
        </a:defRPr>
      </a:lvl7pPr>
      <a:lvl8pPr marL="1940723" eaLnBrk="1" hangingPunct="1">
        <a:defRPr>
          <a:latin typeface="+mn-lt"/>
          <a:ea typeface="+mn-ea"/>
          <a:cs typeface="+mn-cs"/>
        </a:defRPr>
      </a:lvl8pPr>
      <a:lvl9pPr marL="2217969" eaLnBrk="1" hangingPunct="1">
        <a:defRPr>
          <a:latin typeface="+mn-lt"/>
          <a:ea typeface="+mn-ea"/>
          <a:cs typeface="+mn-cs"/>
        </a:defRPr>
      </a:lvl9pPr>
    </p:bodyStyle>
    <p:otherStyle>
      <a:lvl1pPr marL="0" eaLnBrk="1" hangingPunct="1">
        <a:defRPr>
          <a:latin typeface="+mn-lt"/>
          <a:ea typeface="+mn-ea"/>
          <a:cs typeface="+mn-cs"/>
        </a:defRPr>
      </a:lvl1pPr>
      <a:lvl2pPr marL="277246" eaLnBrk="1" hangingPunct="1">
        <a:defRPr>
          <a:latin typeface="+mn-lt"/>
          <a:ea typeface="+mn-ea"/>
          <a:cs typeface="+mn-cs"/>
        </a:defRPr>
      </a:lvl2pPr>
      <a:lvl3pPr marL="554492" eaLnBrk="1" hangingPunct="1">
        <a:defRPr>
          <a:latin typeface="+mn-lt"/>
          <a:ea typeface="+mn-ea"/>
          <a:cs typeface="+mn-cs"/>
        </a:defRPr>
      </a:lvl3pPr>
      <a:lvl4pPr marL="831738" eaLnBrk="1" hangingPunct="1">
        <a:defRPr>
          <a:latin typeface="+mn-lt"/>
          <a:ea typeface="+mn-ea"/>
          <a:cs typeface="+mn-cs"/>
        </a:defRPr>
      </a:lvl4pPr>
      <a:lvl5pPr marL="1108984" eaLnBrk="1" hangingPunct="1">
        <a:defRPr>
          <a:latin typeface="+mn-lt"/>
          <a:ea typeface="+mn-ea"/>
          <a:cs typeface="+mn-cs"/>
        </a:defRPr>
      </a:lvl5pPr>
      <a:lvl6pPr marL="1386230" eaLnBrk="1" hangingPunct="1">
        <a:defRPr>
          <a:latin typeface="+mn-lt"/>
          <a:ea typeface="+mn-ea"/>
          <a:cs typeface="+mn-cs"/>
        </a:defRPr>
      </a:lvl6pPr>
      <a:lvl7pPr marL="1663476" eaLnBrk="1" hangingPunct="1">
        <a:defRPr>
          <a:latin typeface="+mn-lt"/>
          <a:ea typeface="+mn-ea"/>
          <a:cs typeface="+mn-cs"/>
        </a:defRPr>
      </a:lvl7pPr>
      <a:lvl8pPr marL="1940723" eaLnBrk="1" hangingPunct="1">
        <a:defRPr>
          <a:latin typeface="+mn-lt"/>
          <a:ea typeface="+mn-ea"/>
          <a:cs typeface="+mn-cs"/>
        </a:defRPr>
      </a:lvl8pPr>
      <a:lvl9pPr marL="2217969" eaLnBrk="1" hangingPunct="1">
        <a:defRPr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notesSlide" Target="../notesSlides/notesSlide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1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89" name="Text Placeholder 28">
            <a:extLst>
              <a:ext uri="{FF2B5EF4-FFF2-40B4-BE49-F238E27FC236}">
                <a16:creationId xmlns:a16="http://schemas.microsoft.com/office/drawing/2014/main" id="{61214EE2-2778-C041-8D73-47584914D5B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US" dirty="0"/>
              <a:t>Transmission Formula Rate</a:t>
            </a:r>
          </a:p>
          <a:p>
            <a:pPr marL="0" indent="0" algn="ctr">
              <a:buNone/>
            </a:pPr>
            <a:r>
              <a:rPr lang="en-US" dirty="0"/>
              <a:t>Projected Annual Transmission Revenue Requirement for 2025 and Annual True-up Adjustment for 2023 </a:t>
            </a:r>
          </a:p>
          <a:p>
            <a:pPr marL="0" indent="0" algn="ctr">
              <a:buNone/>
            </a:pPr>
            <a:r>
              <a:rPr lang="en-US" dirty="0"/>
              <a:t>October 16, 2024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9038798-CFAD-7240-B1FA-CE178741662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344569" y="992050"/>
            <a:ext cx="2827255" cy="1374735"/>
          </a:xfrm>
        </p:spPr>
        <p:txBody>
          <a:bodyPr vert="horz" numCol="1" anchor="t" anchorCtr="0" compatLnSpc="1">
            <a:prstTxWarp prst="textNoShape">
              <a:avLst/>
            </a:prstTxWarp>
          </a:bodyPr>
          <a:lstStyle/>
          <a:p>
            <a:pPr marR="0">
              <a:lnSpc>
                <a:spcPts val="4996"/>
              </a:lnSpc>
              <a:spcBef>
                <a:spcPct val="0"/>
              </a:spcBef>
              <a:defRPr/>
            </a:pPr>
            <a:r>
              <a:rPr lang="en-US" sz="4972">
                <a:latin typeface="Arial" charset="0"/>
                <a:cs typeface="Arial" charset="0"/>
              </a:rPr>
              <a:t>Cover option 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42CB8F6-F370-4BCF-9E07-67FD9CECCAAD}"/>
              </a:ext>
            </a:extLst>
          </p:cNvPr>
          <p:cNvSpPr txBox="1"/>
          <p:nvPr/>
        </p:nvSpPr>
        <p:spPr>
          <a:xfrm>
            <a:off x="6332691" y="1679417"/>
            <a:ext cx="6098720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AES Ohio</a:t>
            </a:r>
          </a:p>
        </p:txBody>
      </p:sp>
      <p:pic>
        <p:nvPicPr>
          <p:cNvPr id="7" name="Picture 6" descr="A person wearing a helmet and goggles&#10;&#10;Description automatically generated with medium confidence">
            <a:extLst>
              <a:ext uri="{FF2B5EF4-FFF2-40B4-BE49-F238E27FC236}">
                <a16:creationId xmlns:a16="http://schemas.microsoft.com/office/drawing/2014/main" id="{29B929CA-3A40-4D3C-B89C-60EB5BC9BDD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837" y="394606"/>
            <a:ext cx="5852160" cy="5888736"/>
          </a:xfrm>
          <a:prstGeom prst="rect">
            <a:avLst/>
          </a:prstGeom>
        </p:spPr>
      </p:pic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AF2928-F149-A447-804F-14A901FE9BC5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rmAutofit/>
          </a:bodyPr>
          <a:lstStyle/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2025 Projected ATRR Compared to 2024 Projected ATRR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2023 Actual ATRR Compared to 2023 Projected ATRR (2023 ATU)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Corrections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Transmission Operating Property Additions in 2024 and 2025 Exceeding $5 Million</a:t>
            </a:r>
          </a:p>
          <a:p>
            <a:pPr marL="457200" lvl="0" indent="-4572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800" dirty="0"/>
              <a:t>Next Steps in the Review Process</a:t>
            </a:r>
          </a:p>
          <a:p>
            <a:pPr>
              <a:defRPr/>
            </a:pPr>
            <a:endParaRPr lang="en-US" sz="2600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58E91212-02CF-5D49-B9EC-EC153F504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450525" indent="-173279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693115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970361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1247607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1524853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1802100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2079346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2356592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CE2A3399-1A98-3146-86E8-6BD7D832A1A6}" type="slidenum">
              <a:rPr lang="en-US" altLang="en-US" sz="849">
                <a:latin typeface="Arial" panose="020B0604020202020204" pitchFamily="34" charset="0"/>
              </a:rPr>
              <a:pPr eaLnBrk="1" hangingPunct="1"/>
              <a:t>2</a:t>
            </a:fld>
            <a:endParaRPr lang="en-US" altLang="en-US" sz="849">
              <a:latin typeface="Arial" panose="020B0604020202020204" pitchFamily="34" charset="0"/>
            </a:endParaRPr>
          </a:p>
        </p:txBody>
      </p:sp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lowchart: Document 11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14C0A4-566C-46CA-BE41-2881D18780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200" b="1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2025 Projected ATRR Compared to 2024 Projected ATRR - $ in Millions</a:t>
            </a:r>
          </a:p>
        </p:txBody>
      </p:sp>
      <p:pic>
        <p:nvPicPr>
          <p:cNvPr id="5" name="Picture 3">
            <a:extLst>
              <a:ext uri="{FF2B5EF4-FFF2-40B4-BE49-F238E27FC236}">
                <a16:creationId xmlns:a16="http://schemas.microsoft.com/office/drawing/2014/main" id="{5D3E7C4A-D89B-40F4-BBB3-ED0C5F96D62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119119" y="38887"/>
            <a:ext cx="1461184" cy="3205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A16D679-40E0-86CF-30D6-731A5A6C2A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70115" y="555585"/>
            <a:ext cx="7610188" cy="6088284"/>
          </a:xfrm>
          <a:prstGeom prst="rect">
            <a:avLst/>
          </a:prstGeo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0F7F2C-F1C5-5695-7947-3FE1E8C03B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20848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lowchart: Document 11">
            <a:extLst>
              <a:ext uri="{FF2B5EF4-FFF2-40B4-BE49-F238E27FC236}">
                <a16:creationId xmlns:a16="http://schemas.microsoft.com/office/drawing/2014/main" id="{D12DDE76-C203-4047-9998-63900085B5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38175" y="0"/>
            <a:ext cx="3248025" cy="3400426"/>
          </a:xfrm>
          <a:prstGeom prst="flowChartDocumen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14C0A4-566C-46CA-BE41-2881D18780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71162"/>
            <a:ext cx="2840182" cy="237114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3200" b="1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2023 Actual ATRR Versus 2023 Projected ATRR - $ in Millions</a:t>
            </a:r>
          </a:p>
        </p:txBody>
      </p:sp>
      <p:pic>
        <p:nvPicPr>
          <p:cNvPr id="6" name="Picture 3">
            <a:extLst>
              <a:ext uri="{FF2B5EF4-FFF2-40B4-BE49-F238E27FC236}">
                <a16:creationId xmlns:a16="http://schemas.microsoft.com/office/drawing/2014/main" id="{76BE7F27-6BFA-4116-961B-BF129681C63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094621" y="71361"/>
            <a:ext cx="1599654" cy="3508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1FA999DC-304D-AC16-674D-DF1864612E9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86224" y="532435"/>
            <a:ext cx="7800976" cy="6007262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CC26B7E-A6CF-D483-C134-A21C5A6A7F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537B609-0796-48E7-B3CE-AE1C689B771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038689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5837" y="419255"/>
            <a:ext cx="10484196" cy="584775"/>
          </a:xfrm>
        </p:spPr>
        <p:txBody>
          <a:bodyPr/>
          <a:lstStyle/>
          <a:p>
            <a:r>
              <a:rPr lang="en-US" sz="3200" dirty="0"/>
              <a:t>Corrections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58E91212-02CF-5D49-B9EC-EC153F504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450525" indent="-173279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693115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970361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1247607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1524853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1802100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2079346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2356592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CE2A3399-1A98-3146-86E8-6BD7D832A1A6}" type="slidenum">
              <a:rPr lang="en-US" altLang="en-US" sz="849">
                <a:latin typeface="Arial" panose="020B0604020202020204" pitchFamily="34" charset="0"/>
              </a:rPr>
              <a:pPr eaLnBrk="1" hangingPunct="1"/>
              <a:t>5</a:t>
            </a:fld>
            <a:endParaRPr lang="en-US" altLang="en-US" sz="849">
              <a:latin typeface="Arial" panose="020B060402020202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44CA709-6005-8427-C814-26A3D8DF0C6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9127" y="1810138"/>
            <a:ext cx="10011746" cy="40953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7223502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5837" y="419255"/>
            <a:ext cx="10484196" cy="584775"/>
          </a:xfrm>
        </p:spPr>
        <p:txBody>
          <a:bodyPr/>
          <a:lstStyle/>
          <a:p>
            <a:r>
              <a:rPr lang="en-US" sz="3200" dirty="0"/>
              <a:t>Corrections</a:t>
            </a:r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58E91212-02CF-5D49-B9EC-EC153F504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450525" indent="-173279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693115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970361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1247607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1524853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1802100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2079346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2356592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CE2A3399-1A98-3146-86E8-6BD7D832A1A6}" type="slidenum">
              <a:rPr lang="en-US" altLang="en-US" sz="849">
                <a:latin typeface="Arial" panose="020B0604020202020204" pitchFamily="34" charset="0"/>
              </a:rPr>
              <a:pPr eaLnBrk="1" hangingPunct="1"/>
              <a:t>6</a:t>
            </a:fld>
            <a:endParaRPr lang="en-US" altLang="en-US" sz="849">
              <a:latin typeface="Arial" panose="020B0604020202020204" pitchFamily="34" charset="0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EC51C3A-4E1F-4B0F-ED28-D6D8AE5CFD5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1967" y="1763485"/>
            <a:ext cx="11887200" cy="437605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B008A78-B46D-090E-5924-FD5FB8487F1B}"/>
              </a:ext>
            </a:extLst>
          </p:cNvPr>
          <p:cNvSpPr txBox="1"/>
          <p:nvPr/>
        </p:nvSpPr>
        <p:spPr>
          <a:xfrm>
            <a:off x="4709160" y="6326611"/>
            <a:ext cx="2157984" cy="369332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Before correction</a:t>
            </a:r>
          </a:p>
        </p:txBody>
      </p:sp>
    </p:spTree>
    <p:extLst>
      <p:ext uri="{BB962C8B-B14F-4D97-AF65-F5344CB8AC3E}">
        <p14:creationId xmlns:p14="http://schemas.microsoft.com/office/powerpoint/2010/main" val="9100426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5837" y="419255"/>
            <a:ext cx="10974608" cy="1077218"/>
          </a:xfrm>
        </p:spPr>
        <p:txBody>
          <a:bodyPr/>
          <a:lstStyle/>
          <a:p>
            <a:r>
              <a:rPr lang="en-US" sz="3200" dirty="0"/>
              <a:t>Transmission Operating Property Additions in 2024 and 2025 (Actual and Projected) Exceeding $5 Million</a:t>
            </a:r>
            <a:endParaRPr lang="en-US" sz="1600" dirty="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58E91212-02CF-5D49-B9EC-EC153F504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450525" indent="-173279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693115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970361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1247607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1524853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1802100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2079346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2356592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CE2A3399-1A98-3146-86E8-6BD7D832A1A6}" type="slidenum">
              <a:rPr lang="en-US" altLang="en-US" sz="849">
                <a:latin typeface="Arial" panose="020B0604020202020204" pitchFamily="34" charset="0"/>
              </a:rPr>
              <a:pPr eaLnBrk="1" hangingPunct="1"/>
              <a:t>7</a:t>
            </a:fld>
            <a:endParaRPr lang="en-US" altLang="en-US" sz="849">
              <a:latin typeface="Arial" panose="020B0604020202020204" pitchFamily="34" charset="0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2D52B30D-E86E-DB40-A45E-24A4F525B5F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5033" y="2031717"/>
            <a:ext cx="10833904" cy="39755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82771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EFB9B99-D78D-51B8-5DE0-1963FDCD94B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71536" y="378326"/>
            <a:ext cx="10484196" cy="682681"/>
          </a:xfrm>
        </p:spPr>
        <p:txBody>
          <a:bodyPr/>
          <a:lstStyle/>
          <a:p>
            <a:pPr algn="ctr"/>
            <a:r>
              <a:rPr lang="en-US" sz="3200" dirty="0"/>
              <a:t>PJM TO NITS Rat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9197068-24C1-148A-87AC-0FE628EDB1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8BAE0A9-1C8C-448C-B258-E5B77DDCF95B}" type="slidenum">
              <a:rPr lang="en-US" smtClean="0"/>
              <a:t>8</a:t>
            </a:fld>
            <a:endParaRPr lang="en-US"/>
          </a:p>
        </p:txBody>
      </p:sp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353559E3-47F8-460B-B2E6-25DB9336C5E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15487661"/>
              </p:ext>
            </p:extLst>
          </p:nvPr>
        </p:nvGraphicFramePr>
        <p:xfrm>
          <a:off x="1674381" y="1749153"/>
          <a:ext cx="8128000" cy="452162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1" name="TextBox 10">
            <a:extLst>
              <a:ext uri="{FF2B5EF4-FFF2-40B4-BE49-F238E27FC236}">
                <a16:creationId xmlns:a16="http://schemas.microsoft.com/office/drawing/2014/main" id="{4CE9326E-FC97-ADCE-6048-F9701E676042}"/>
              </a:ext>
            </a:extLst>
          </p:cNvPr>
          <p:cNvSpPr txBox="1"/>
          <p:nvPr/>
        </p:nvSpPr>
        <p:spPr>
          <a:xfrm>
            <a:off x="175620" y="4890609"/>
            <a:ext cx="1486926" cy="276999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l"/>
            <a:r>
              <a:rPr lang="en-US" sz="1200" dirty="0">
                <a:latin typeface="Arial" panose="020B0604020202020204" pitchFamily="34" charset="0"/>
                <a:cs typeface="Arial" panose="020B0604020202020204" pitchFamily="34" charset="0"/>
              </a:rPr>
              <a:t>Dayton Zone 2024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982886CF-31AF-1079-CD46-63FCDAFE8B6E}"/>
              </a:ext>
            </a:extLst>
          </p:cNvPr>
          <p:cNvCxnSpPr>
            <a:cxnSpLocks/>
          </p:cNvCxnSpPr>
          <p:nvPr/>
        </p:nvCxnSpPr>
        <p:spPr>
          <a:xfrm>
            <a:off x="1662546" y="5029109"/>
            <a:ext cx="3804791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E6D2F702-848E-3A1F-1124-3456D507D56E}"/>
              </a:ext>
            </a:extLst>
          </p:cNvPr>
          <p:cNvSpPr txBox="1"/>
          <p:nvPr/>
        </p:nvSpPr>
        <p:spPr>
          <a:xfrm>
            <a:off x="4185501" y="6156508"/>
            <a:ext cx="4138367" cy="646331"/>
          </a:xfrm>
          <a:prstGeom prst="rect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US" sz="1200" dirty="0">
                <a:latin typeface="Arial" panose="020B0604020202020204" pitchFamily="34" charset="0"/>
                <a:cs typeface="Arial" panose="020B0604020202020204" pitchFamily="34" charset="0"/>
              </a:rPr>
              <a:t>As of September 2024</a:t>
            </a:r>
          </a:p>
          <a:p>
            <a:pPr algn="ctr"/>
            <a:r>
              <a:rPr lang="en-US" sz="1200" dirty="0">
                <a:latin typeface="Arial" panose="020B0604020202020204" pitchFamily="34" charset="0"/>
                <a:cs typeface="Arial" panose="020B0604020202020204" pitchFamily="34" charset="0"/>
              </a:rPr>
              <a:t>Reflects TO NITS Rates During 2024 (Dayton Also Shows 2025 NITS Rate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D66402B-B2D6-1813-4BCA-70A128E1FCE7}"/>
              </a:ext>
            </a:extLst>
          </p:cNvPr>
          <p:cNvSpPr txBox="1"/>
          <p:nvPr/>
        </p:nvSpPr>
        <p:spPr>
          <a:xfrm>
            <a:off x="9802381" y="4481175"/>
            <a:ext cx="1666163" cy="307777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l"/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Dayton Zone 2025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C6EB326F-B906-C737-CFE8-D3D647689DD8}"/>
              </a:ext>
            </a:extLst>
          </p:cNvPr>
          <p:cNvCxnSpPr>
            <a:cxnSpLocks/>
          </p:cNvCxnSpPr>
          <p:nvPr/>
        </p:nvCxnSpPr>
        <p:spPr>
          <a:xfrm flipH="1">
            <a:off x="8941829" y="4601011"/>
            <a:ext cx="860552" cy="18794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0597712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0682E74-679B-0941-9133-8773C7E3FCE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97886" y="529941"/>
            <a:ext cx="10489895" cy="652963"/>
          </a:xfrm>
        </p:spPr>
        <p:txBody>
          <a:bodyPr/>
          <a:lstStyle/>
          <a:p>
            <a:pPr algn="ctr"/>
            <a:r>
              <a:rPr lang="en-US" sz="2400"/>
              <a:t>The Dayton Power and Light Company</a:t>
            </a:r>
            <a:br>
              <a:rPr lang="en-US" sz="2400"/>
            </a:br>
            <a:r>
              <a:rPr lang="en-US" sz="2400"/>
              <a:t>Annual Transmission Formula Rate Process</a:t>
            </a:r>
            <a:br>
              <a:rPr lang="en-US" sz="2400"/>
            </a:br>
            <a:endParaRPr lang="en-US" sz="2400"/>
          </a:p>
        </p:txBody>
      </p:sp>
      <p:sp>
        <p:nvSpPr>
          <p:cNvPr id="14" name="Slide Number Placeholder 13">
            <a:extLst>
              <a:ext uri="{FF2B5EF4-FFF2-40B4-BE49-F238E27FC236}">
                <a16:creationId xmlns:a16="http://schemas.microsoft.com/office/drawing/2014/main" id="{58E91212-02CF-5D49-B9EC-EC153F504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97886" y="6503893"/>
            <a:ext cx="785587" cy="129960"/>
          </a:xfrm>
        </p:spPr>
        <p:txBody>
          <a:bodyPr/>
          <a:lstStyle>
            <a:lvl1pPr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1pPr>
            <a:lvl2pPr marL="450525" indent="-173279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2pPr>
            <a:lvl3pPr marL="693115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3pPr>
            <a:lvl4pPr marL="970361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4pPr>
            <a:lvl5pPr marL="1247607" indent="-138623" eaLnBrk="0" hangingPunct="0"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5pPr>
            <a:lvl6pPr marL="1524853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6pPr>
            <a:lvl7pPr marL="1802100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7pPr>
            <a:lvl8pPr marL="2079346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8pPr>
            <a:lvl9pPr marL="2356592" indent="-138623" eaLnBrk="0" fontAlgn="base" hangingPunct="0">
              <a:spcBef>
                <a:spcPct val="0"/>
              </a:spcBef>
              <a:spcAft>
                <a:spcPct val="0"/>
              </a:spcAft>
              <a:defRPr sz="1455">
                <a:solidFill>
                  <a:schemeClr val="tx1"/>
                </a:solidFill>
                <a:latin typeface="Calibri" panose="020F0502020204030204" pitchFamily="34" charset="0"/>
                <a:ea typeface="ＭＳ Ｐゴシック" panose="020B0600070205080204" pitchFamily="34" charset="-128"/>
              </a:defRPr>
            </a:lvl9pPr>
          </a:lstStyle>
          <a:p>
            <a:pPr eaLnBrk="1" hangingPunct="1"/>
            <a:fld id="{CE2A3399-1A98-3146-86E8-6BD7D832A1A6}" type="slidenum">
              <a:rPr lang="en-US" altLang="en-US" sz="849">
                <a:latin typeface="Arial" panose="020B0604020202020204" pitchFamily="34" charset="0"/>
              </a:rPr>
              <a:pPr eaLnBrk="1" hangingPunct="1"/>
              <a:t>9</a:t>
            </a:fld>
            <a:endParaRPr lang="en-US" altLang="en-US" sz="849">
              <a:latin typeface="Arial" panose="020B0604020202020204" pitchFamily="34" charset="0"/>
            </a:endParaRPr>
          </a:p>
        </p:txBody>
      </p:sp>
      <p:cxnSp>
        <p:nvCxnSpPr>
          <p:cNvPr id="6" name="OTLSHAPE_T_419c50029c3441a582289b7345e4ffa3_MiddleVerticalConnector1">
            <a:extLst>
              <a:ext uri="{FF2B5EF4-FFF2-40B4-BE49-F238E27FC236}">
                <a16:creationId xmlns:a16="http://schemas.microsoft.com/office/drawing/2014/main" id="{C6F9F6A8-C29D-4E52-B49B-547E88EAE880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1257207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b3a78e578dc940fbac53089eb443b43b_LeftVerticalConnector1">
            <a:extLst>
              <a:ext uri="{FF2B5EF4-FFF2-40B4-BE49-F238E27FC236}">
                <a16:creationId xmlns:a16="http://schemas.microsoft.com/office/drawing/2014/main" id="{B6BA39CE-1430-4C5F-81F1-4A31A4FC0B22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4632053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b3a78e578dc940fbac53089eb443b43b_LeftVerticalConnector2">
            <a:extLst>
              <a:ext uri="{FF2B5EF4-FFF2-40B4-BE49-F238E27FC236}">
                <a16:creationId xmlns:a16="http://schemas.microsoft.com/office/drawing/2014/main" id="{8EF2AB44-2F92-4ABF-8ADC-662B440A6578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4632053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b3a78e578dc940fbac53089eb443b43b_RightVerticalConnector1">
            <a:extLst>
              <a:ext uri="{FF2B5EF4-FFF2-40B4-BE49-F238E27FC236}">
                <a16:creationId xmlns:a16="http://schemas.microsoft.com/office/drawing/2014/main" id="{552DD4DE-B7FD-4129-A216-3C426E8AF41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5077968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b1bfe6e8b83d41538e50a36b00276432_MiddleVerticalConnector1">
            <a:extLst>
              <a:ext uri="{FF2B5EF4-FFF2-40B4-BE49-F238E27FC236}">
                <a16:creationId xmlns:a16="http://schemas.microsoft.com/office/drawing/2014/main" id="{C9F05067-D818-4449-82CB-246017A83EEC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967385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b1bfe6e8b83d41538e50a36b00276432_MiddleVerticalConnector2">
            <a:extLst>
              <a:ext uri="{FF2B5EF4-FFF2-40B4-BE49-F238E27FC236}">
                <a16:creationId xmlns:a16="http://schemas.microsoft.com/office/drawing/2014/main" id="{57305654-A1B1-47B5-9106-17A5F926333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967385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b1bfe6e8b83d41538e50a36b00276432_MiddleVerticalConnector3">
            <a:extLst>
              <a:ext uri="{FF2B5EF4-FFF2-40B4-BE49-F238E27FC236}">
                <a16:creationId xmlns:a16="http://schemas.microsoft.com/office/drawing/2014/main" id="{7C212635-0B95-4EDD-B584-811C014277B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967385" y="2842419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76a5c1252a68487fb4522c41f1227847_MiddleVerticalConnector1">
            <a:extLst>
              <a:ext uri="{FF2B5EF4-FFF2-40B4-BE49-F238E27FC236}">
                <a16:creationId xmlns:a16="http://schemas.microsoft.com/office/drawing/2014/main" id="{B698D463-4382-4074-8CCE-91658ABE6438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6357577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_76a5c1252a68487fb4522c41f1227847_MiddleVerticalConnector2">
            <a:extLst>
              <a:ext uri="{FF2B5EF4-FFF2-40B4-BE49-F238E27FC236}">
                <a16:creationId xmlns:a16="http://schemas.microsoft.com/office/drawing/2014/main" id="{F68689DF-B30D-4C7A-87C9-4A8C37C4FC5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357577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_76a5c1252a68487fb4522c41f1227847_MiddleVerticalConnector3">
            <a:extLst>
              <a:ext uri="{FF2B5EF4-FFF2-40B4-BE49-F238E27FC236}">
                <a16:creationId xmlns:a16="http://schemas.microsoft.com/office/drawing/2014/main" id="{3041F85D-450C-4A7F-906D-D5B8EB83B07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357577" y="2842419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_76a5c1252a68487fb4522c41f1227847_MiddleVerticalConnector4">
            <a:extLst>
              <a:ext uri="{FF2B5EF4-FFF2-40B4-BE49-F238E27FC236}">
                <a16:creationId xmlns:a16="http://schemas.microsoft.com/office/drawing/2014/main" id="{F48B394F-B120-487D-A414-D90B44B545D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57577" y="3279638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_be7cff4261844e06a1b9f5884851b609_MiddleVerticalConnector1">
            <a:extLst>
              <a:ext uri="{FF2B5EF4-FFF2-40B4-BE49-F238E27FC236}">
                <a16:creationId xmlns:a16="http://schemas.microsoft.com/office/drawing/2014/main" id="{FDCE1CCB-FAB1-4614-A4FE-38880B05569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96931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be7cff4261844e06a1b9f5884851b609_MiddleVerticalConnector2">
            <a:extLst>
              <a:ext uri="{FF2B5EF4-FFF2-40B4-BE49-F238E27FC236}">
                <a16:creationId xmlns:a16="http://schemas.microsoft.com/office/drawing/2014/main" id="{89D2C27B-B12A-44D8-ACCA-975CD25E745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96931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be7cff4261844e06a1b9f5884851b609_MiddleVerticalConnector3">
            <a:extLst>
              <a:ext uri="{FF2B5EF4-FFF2-40B4-BE49-F238E27FC236}">
                <a16:creationId xmlns:a16="http://schemas.microsoft.com/office/drawing/2014/main" id="{6DCD5BB6-B9F5-43C1-9E39-FF440073225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496931" y="2842419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be7cff4261844e06a1b9f5884851b609_MiddleVerticalConnector4">
            <a:extLst>
              <a:ext uri="{FF2B5EF4-FFF2-40B4-BE49-F238E27FC236}">
                <a16:creationId xmlns:a16="http://schemas.microsoft.com/office/drawing/2014/main" id="{B0BC3FBE-8E32-46F3-9567-30F31C611CE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496931" y="3279638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be7cff4261844e06a1b9f5884851b609_MiddleVerticalConnector5">
            <a:extLst>
              <a:ext uri="{FF2B5EF4-FFF2-40B4-BE49-F238E27FC236}">
                <a16:creationId xmlns:a16="http://schemas.microsoft.com/office/drawing/2014/main" id="{7057EED8-A352-4B61-8A6A-83E6AB4FE86A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496931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42acef71ce14e3a81cbf1cfd2857ec1_MiddleVerticalConnector1">
            <a:extLst>
              <a:ext uri="{FF2B5EF4-FFF2-40B4-BE49-F238E27FC236}">
                <a16:creationId xmlns:a16="http://schemas.microsoft.com/office/drawing/2014/main" id="{CF1040C1-8C9F-40CB-A4C0-0BC61E2EB10D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831381" y="2031482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742acef71ce14e3a81cbf1cfd2857ec1_MiddleVerticalConnector2">
            <a:extLst>
              <a:ext uri="{FF2B5EF4-FFF2-40B4-BE49-F238E27FC236}">
                <a16:creationId xmlns:a16="http://schemas.microsoft.com/office/drawing/2014/main" id="{2DF462FB-021E-4ABD-993F-41E943A0010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831381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742acef71ce14e3a81cbf1cfd2857ec1_MiddleVerticalConnector3">
            <a:extLst>
              <a:ext uri="{FF2B5EF4-FFF2-40B4-BE49-F238E27FC236}">
                <a16:creationId xmlns:a16="http://schemas.microsoft.com/office/drawing/2014/main" id="{00DD52DC-C3C3-49E7-8889-3B30FE2A72E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831381" y="2842419"/>
            <a:ext cx="0" cy="703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742acef71ce14e3a81cbf1cfd2857ec1_MiddleVerticalConnector4">
            <a:extLst>
              <a:ext uri="{FF2B5EF4-FFF2-40B4-BE49-F238E27FC236}">
                <a16:creationId xmlns:a16="http://schemas.microsoft.com/office/drawing/2014/main" id="{1E5B3EC3-4913-4F6C-8175-58603E93F1F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831381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742acef71ce14e3a81cbf1cfd2857ec1_MiddleVerticalConnector5">
            <a:extLst>
              <a:ext uri="{FF2B5EF4-FFF2-40B4-BE49-F238E27FC236}">
                <a16:creationId xmlns:a16="http://schemas.microsoft.com/office/drawing/2014/main" id="{89375DD8-70A7-40DE-81F6-19881693CE21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831381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742acef71ce14e3a81cbf1cfd2857ec1_MiddleVerticalConnector6">
            <a:extLst>
              <a:ext uri="{FF2B5EF4-FFF2-40B4-BE49-F238E27FC236}">
                <a16:creationId xmlns:a16="http://schemas.microsoft.com/office/drawing/2014/main" id="{777848E2-B5D5-4EF6-B167-68EE841D833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831381" y="4591294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_9d37466f7f5e4cd689dbf71019a28925_MiddleVerticalConnector1">
            <a:extLst>
              <a:ext uri="{FF2B5EF4-FFF2-40B4-BE49-F238E27FC236}">
                <a16:creationId xmlns:a16="http://schemas.microsoft.com/office/drawing/2014/main" id="{D5330B09-B0BF-49D5-A3E5-45000CD49A8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667508" y="2031482"/>
            <a:ext cx="0" cy="640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_9d37466f7f5e4cd689dbf71019a28925_MiddleVerticalConnector2">
            <a:extLst>
              <a:ext uri="{FF2B5EF4-FFF2-40B4-BE49-F238E27FC236}">
                <a16:creationId xmlns:a16="http://schemas.microsoft.com/office/drawing/2014/main" id="{37AD8A6C-5133-4B90-9719-0BC2A63F7878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667508" y="2842419"/>
            <a:ext cx="0" cy="7039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9d37466f7f5e4cd689dbf71019a28925_MiddleVerticalConnector3">
            <a:extLst>
              <a:ext uri="{FF2B5EF4-FFF2-40B4-BE49-F238E27FC236}">
                <a16:creationId xmlns:a16="http://schemas.microsoft.com/office/drawing/2014/main" id="{D4AC0BCC-20F6-44D0-B6FB-A72103BD872C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667508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9d37466f7f5e4cd689dbf71019a28925_MiddleVerticalConnector4">
            <a:extLst>
              <a:ext uri="{FF2B5EF4-FFF2-40B4-BE49-F238E27FC236}">
                <a16:creationId xmlns:a16="http://schemas.microsoft.com/office/drawing/2014/main" id="{AB142D9D-DA98-4966-868D-694C82B0900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667508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9d37466f7f5e4cd689dbf71019a28925_MiddleVerticalConnector5">
            <a:extLst>
              <a:ext uri="{FF2B5EF4-FFF2-40B4-BE49-F238E27FC236}">
                <a16:creationId xmlns:a16="http://schemas.microsoft.com/office/drawing/2014/main" id="{700A767F-1306-4281-B4DB-C67F9F70ED19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7667508" y="4591294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9d37466f7f5e4cd689dbf71019a28925_MiddleVerticalConnector6">
            <a:extLst>
              <a:ext uri="{FF2B5EF4-FFF2-40B4-BE49-F238E27FC236}">
                <a16:creationId xmlns:a16="http://schemas.microsoft.com/office/drawing/2014/main" id="{290F44C1-9391-49E4-A322-AE3D6FC22597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7667508" y="5028513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9d37466f7f5e4cd689dbf71019a28925_MiddleVerticalConnector7">
            <a:extLst>
              <a:ext uri="{FF2B5EF4-FFF2-40B4-BE49-F238E27FC236}">
                <a16:creationId xmlns:a16="http://schemas.microsoft.com/office/drawing/2014/main" id="{42324969-25BA-49B6-B34D-36D99A643CD2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7667508" y="546573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3a78e578dc940fbac53089eb443b43b_LeftVerticalConnector3">
            <a:extLst>
              <a:ext uri="{FF2B5EF4-FFF2-40B4-BE49-F238E27FC236}">
                <a16:creationId xmlns:a16="http://schemas.microsoft.com/office/drawing/2014/main" id="{22C7878E-8920-4BEE-9D3D-11499411EC0E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4632053" y="2842419"/>
            <a:ext cx="0" cy="5388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b3a78e578dc940fbac53089eb443b43b_RightVerticalConnector2">
            <a:extLst>
              <a:ext uri="{FF2B5EF4-FFF2-40B4-BE49-F238E27FC236}">
                <a16:creationId xmlns:a16="http://schemas.microsoft.com/office/drawing/2014/main" id="{3DAA37CB-54CB-419F-88A7-3D740C8FB386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077968" y="2405201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b3a78e578dc940fbac53089eb443b43b_RightVerticalConnector3">
            <a:extLst>
              <a:ext uri="{FF2B5EF4-FFF2-40B4-BE49-F238E27FC236}">
                <a16:creationId xmlns:a16="http://schemas.microsoft.com/office/drawing/2014/main" id="{DDB7218F-3F38-4361-8275-81CC7C5AB95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077968" y="2842419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b1bfe6e8b83d41538e50a36b00276432_MiddleVerticalConnector4">
            <a:extLst>
              <a:ext uri="{FF2B5EF4-FFF2-40B4-BE49-F238E27FC236}">
                <a16:creationId xmlns:a16="http://schemas.microsoft.com/office/drawing/2014/main" id="{E08E3F3A-1CBF-43EA-B69F-A80A1C2066C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967385" y="3279638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bfe6e8b83d41538e50a36b00276432_MiddleVerticalConnector5">
            <a:extLst>
              <a:ext uri="{FF2B5EF4-FFF2-40B4-BE49-F238E27FC236}">
                <a16:creationId xmlns:a16="http://schemas.microsoft.com/office/drawing/2014/main" id="{5F5C9350-2F67-4B7A-85AC-981185C8034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5967385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76a5c1252a68487fb4522c41f1227847_MiddleVerticalConnector5">
            <a:extLst>
              <a:ext uri="{FF2B5EF4-FFF2-40B4-BE49-F238E27FC236}">
                <a16:creationId xmlns:a16="http://schemas.microsoft.com/office/drawing/2014/main" id="{3CB53D8A-F05A-4237-9416-AF0111A38756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6357577" y="371685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76a5c1252a68487fb4522c41f1227847_MiddleVerticalConnector6">
            <a:extLst>
              <a:ext uri="{FF2B5EF4-FFF2-40B4-BE49-F238E27FC236}">
                <a16:creationId xmlns:a16="http://schemas.microsoft.com/office/drawing/2014/main" id="{202EE815-A1C4-4F09-B02F-996398702604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6357577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be7cff4261844e06a1b9f5884851b609_MiddleVerticalConnector6">
            <a:extLst>
              <a:ext uri="{FF2B5EF4-FFF2-40B4-BE49-F238E27FC236}">
                <a16:creationId xmlns:a16="http://schemas.microsoft.com/office/drawing/2014/main" id="{2B555CCE-D28B-44C5-BA6E-E1A29F9F8A94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6496931" y="4154075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be7cff4261844e06a1b9f5884851b609_MiddleVerticalConnector7">
            <a:extLst>
              <a:ext uri="{FF2B5EF4-FFF2-40B4-BE49-F238E27FC236}">
                <a16:creationId xmlns:a16="http://schemas.microsoft.com/office/drawing/2014/main" id="{62357FCE-C996-4714-9BE7-5D4B5912CBB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496931" y="4591294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42acef71ce14e3a81cbf1cfd2857ec1_MiddleVerticalConnector7">
            <a:extLst>
              <a:ext uri="{FF2B5EF4-FFF2-40B4-BE49-F238E27FC236}">
                <a16:creationId xmlns:a16="http://schemas.microsoft.com/office/drawing/2014/main" id="{68FCEC79-E33D-4BB4-909C-7740F998ED5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831381" y="5028513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1d82752161664fef834e0d66662ce482_MiddleVerticalConnector1">
            <a:extLst>
              <a:ext uri="{FF2B5EF4-FFF2-40B4-BE49-F238E27FC236}">
                <a16:creationId xmlns:a16="http://schemas.microsoft.com/office/drawing/2014/main" id="{9F9F4D2A-FA43-4C9F-BC12-274CE75DCE1F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10175887" y="2031482"/>
            <a:ext cx="0" cy="238929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1d82752161664fef834e0d66662ce482_MiddleVerticalConnector2">
            <a:extLst>
              <a:ext uri="{FF2B5EF4-FFF2-40B4-BE49-F238E27FC236}">
                <a16:creationId xmlns:a16="http://schemas.microsoft.com/office/drawing/2014/main" id="{CBE31A4D-F43E-489C-8224-1C8934D8FEC0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0175887" y="4591294"/>
            <a:ext cx="0" cy="157835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B_00000000000000000000000000000000_ScaleContainer">
            <a:extLst>
              <a:ext uri="{FF2B5EF4-FFF2-40B4-BE49-F238E27FC236}">
                <a16:creationId xmlns:a16="http://schemas.microsoft.com/office/drawing/2014/main" id="{702911E0-209D-469B-8F55-716116758576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76514" y="1650482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TB_00000000000000000000000000000000_TimescaleInterval1">
            <a:extLst>
              <a:ext uri="{FF2B5EF4-FFF2-40B4-BE49-F238E27FC236}">
                <a16:creationId xmlns:a16="http://schemas.microsoft.com/office/drawing/2014/main" id="{31672D0A-6463-4ADC-9354-B0E0968A80C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05114" y="1747955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50" name="OTLSHAPE_TB_00000000000000000000000000000000_TimescaleInterval2">
            <a:extLst>
              <a:ext uri="{FF2B5EF4-FFF2-40B4-BE49-F238E27FC236}">
                <a16:creationId xmlns:a16="http://schemas.microsoft.com/office/drawing/2014/main" id="{8D9F639D-EC40-44D3-A0CB-57C4D5DF916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741241" y="17479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51" name="OTLSHAPE_TB_00000000000000000000000000000000_TimescaleInterval3">
            <a:extLst>
              <a:ext uri="{FF2B5EF4-FFF2-40B4-BE49-F238E27FC236}">
                <a16:creationId xmlns:a16="http://schemas.microsoft.com/office/drawing/2014/main" id="{898CBA98-38D0-4800-8FBF-DDFE34D7580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605238" y="1747955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52" name="OTLSHAPE_TB_00000000000000000000000000000000_TimescaleInterval4">
            <a:extLst>
              <a:ext uri="{FF2B5EF4-FFF2-40B4-BE49-F238E27FC236}">
                <a16:creationId xmlns:a16="http://schemas.microsoft.com/office/drawing/2014/main" id="{ED8B6F89-BB0A-4B5F-A970-8340E3EE365A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469235" y="17479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53" name="OTLSHAPE_TB_00000000000000000000000000000000_TimescaleInterval5">
            <a:extLst>
              <a:ext uri="{FF2B5EF4-FFF2-40B4-BE49-F238E27FC236}">
                <a16:creationId xmlns:a16="http://schemas.microsoft.com/office/drawing/2014/main" id="{91085A03-3D8A-4C69-A4E7-F6D889CEE85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305361" y="1747955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54" name="OTLSHAPE_TB_00000000000000000000000000000000_TimescaleInterval6">
            <a:extLst>
              <a:ext uri="{FF2B5EF4-FFF2-40B4-BE49-F238E27FC236}">
                <a16:creationId xmlns:a16="http://schemas.microsoft.com/office/drawing/2014/main" id="{F7D4CDA1-4955-4F2F-AD06-D43D79D5430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169358" y="1747955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55" name="OTLSHAPE_TB_00000000000000000000000000000000_TimescaleInterval7">
            <a:extLst>
              <a:ext uri="{FF2B5EF4-FFF2-40B4-BE49-F238E27FC236}">
                <a16:creationId xmlns:a16="http://schemas.microsoft.com/office/drawing/2014/main" id="{43EBE947-9E7C-4022-AAD5-7370458D99E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005485" y="1747955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56" name="OTLSHAPE_TB_00000000000000000000000000000000_TimescaleInterval8">
            <a:extLst>
              <a:ext uri="{FF2B5EF4-FFF2-40B4-BE49-F238E27FC236}">
                <a16:creationId xmlns:a16="http://schemas.microsoft.com/office/drawing/2014/main" id="{1E6260FA-807C-4F26-8653-22C0EC9DA35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869481" y="174795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57" name="OTLSHAPE_TB_00000000000000000000000000000000_TimescaleInterval9">
            <a:extLst>
              <a:ext uri="{FF2B5EF4-FFF2-40B4-BE49-F238E27FC236}">
                <a16:creationId xmlns:a16="http://schemas.microsoft.com/office/drawing/2014/main" id="{DE20FD1A-A4E7-415F-834B-52297AA73D7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733479" y="1747955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58" name="OTLSHAPE_TB_00000000000000000000000000000000_TimescaleInterval10">
            <a:extLst>
              <a:ext uri="{FF2B5EF4-FFF2-40B4-BE49-F238E27FC236}">
                <a16:creationId xmlns:a16="http://schemas.microsoft.com/office/drawing/2014/main" id="{979EC36B-345F-4DB0-B52B-2AEC8DF8B2A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8513863" y="17479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59" name="OTLSHAPE_TB_00000000000000000000000000000000_TimescaleInterval11">
            <a:extLst>
              <a:ext uri="{FF2B5EF4-FFF2-40B4-BE49-F238E27FC236}">
                <a16:creationId xmlns:a16="http://schemas.microsoft.com/office/drawing/2014/main" id="{DC783563-5ADD-45EB-9577-094B0E03396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377861" y="1747955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60" name="OTLSHAPE_TB_00000000000000000000000000000000_TimescaleInterval12">
            <a:extLst>
              <a:ext uri="{FF2B5EF4-FFF2-40B4-BE49-F238E27FC236}">
                <a16:creationId xmlns:a16="http://schemas.microsoft.com/office/drawing/2014/main" id="{44839F34-AB2D-4871-9036-B0E300AF48BF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213987" y="1747955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cxnSp>
        <p:nvCxnSpPr>
          <p:cNvPr id="61" name="OTLSHAPE_TB_00000000000000000000000000000000_Separator1">
            <a:extLst>
              <a:ext uri="{FF2B5EF4-FFF2-40B4-BE49-F238E27FC236}">
                <a16:creationId xmlns:a16="http://schemas.microsoft.com/office/drawing/2014/main" id="{D7753396-1EC7-44D0-984A-F95E533FE30A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1677740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Separator2">
            <a:extLst>
              <a:ext uri="{FF2B5EF4-FFF2-40B4-BE49-F238E27FC236}">
                <a16:creationId xmlns:a16="http://schemas.microsoft.com/office/drawing/2014/main" id="{30B005F6-B379-44F3-839F-411A04F57896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2541737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TB_00000000000000000000000000000000_Separator3">
            <a:extLst>
              <a:ext uri="{FF2B5EF4-FFF2-40B4-BE49-F238E27FC236}">
                <a16:creationId xmlns:a16="http://schemas.microsoft.com/office/drawing/2014/main" id="{C9F4A911-1709-4569-B5E8-FD546C7A8D72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3405735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TB_00000000000000000000000000000000_Separator4">
            <a:extLst>
              <a:ext uri="{FF2B5EF4-FFF2-40B4-BE49-F238E27FC236}">
                <a16:creationId xmlns:a16="http://schemas.microsoft.com/office/drawing/2014/main" id="{9ED921D9-A5FF-4837-B286-EE1EA2D84B14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4241861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OTLSHAPE_TB_00000000000000000000000000000000_Separator5">
            <a:extLst>
              <a:ext uri="{FF2B5EF4-FFF2-40B4-BE49-F238E27FC236}">
                <a16:creationId xmlns:a16="http://schemas.microsoft.com/office/drawing/2014/main" id="{53DB59BB-4A93-4202-8E95-5DD83365015F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5105858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OTLSHAPE_TB_00000000000000000000000000000000_Separator6">
            <a:extLst>
              <a:ext uri="{FF2B5EF4-FFF2-40B4-BE49-F238E27FC236}">
                <a16:creationId xmlns:a16="http://schemas.microsoft.com/office/drawing/2014/main" id="{828B794C-F22F-415B-92BF-2C87D796AB12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5941984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OTLSHAPE_TB_00000000000000000000000000000000_Separator7">
            <a:extLst>
              <a:ext uri="{FF2B5EF4-FFF2-40B4-BE49-F238E27FC236}">
                <a16:creationId xmlns:a16="http://schemas.microsoft.com/office/drawing/2014/main" id="{6CBAF6F2-DD38-4426-BB0F-256998E3B528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6805981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OTLSHAPE_TB_00000000000000000000000000000000_Separator8">
            <a:extLst>
              <a:ext uri="{FF2B5EF4-FFF2-40B4-BE49-F238E27FC236}">
                <a16:creationId xmlns:a16="http://schemas.microsoft.com/office/drawing/2014/main" id="{1F6FB93C-71E4-453F-90A3-05EEDF5EAEAB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669978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9">
            <a:extLst>
              <a:ext uri="{FF2B5EF4-FFF2-40B4-BE49-F238E27FC236}">
                <a16:creationId xmlns:a16="http://schemas.microsoft.com/office/drawing/2014/main" id="{431302C8-72C3-4C17-AA44-00CC8A20C8FB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450363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Separator10">
            <a:extLst>
              <a:ext uri="{FF2B5EF4-FFF2-40B4-BE49-F238E27FC236}">
                <a16:creationId xmlns:a16="http://schemas.microsoft.com/office/drawing/2014/main" id="{A1C6F0EE-9DF4-4FBE-A24C-CE7CF93EFF42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9314360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11">
            <a:extLst>
              <a:ext uri="{FF2B5EF4-FFF2-40B4-BE49-F238E27FC236}">
                <a16:creationId xmlns:a16="http://schemas.microsoft.com/office/drawing/2014/main" id="{663A9251-8F63-4036-9E87-C00EBA78AC04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10150487" y="171398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OTLSHAPE_T_419c50029c3441a582289b7345e4ffa3_Shape">
            <a:extLst>
              <a:ext uri="{FF2B5EF4-FFF2-40B4-BE49-F238E27FC236}">
                <a16:creationId xmlns:a16="http://schemas.microsoft.com/office/drawing/2014/main" id="{BE6940A2-0CE5-4B80-9678-29FEA59CDCD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1231807" y="2405201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T_b3a78e578dc940fbac53089eb443b43b_Shape">
            <a:extLst>
              <a:ext uri="{FF2B5EF4-FFF2-40B4-BE49-F238E27FC236}">
                <a16:creationId xmlns:a16="http://schemas.microsoft.com/office/drawing/2014/main" id="{9CD18652-4E19-43DF-8F19-D309E85F81F1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632053" y="3279638"/>
            <a:ext cx="457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T_922a9c905252441a853c034918a25b1c_Shape">
            <a:extLst>
              <a:ext uri="{FF2B5EF4-FFF2-40B4-BE49-F238E27FC236}">
                <a16:creationId xmlns:a16="http://schemas.microsoft.com/office/drawing/2014/main" id="{30CDB8FD-09CF-42E6-9888-CD82733121B2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914114" y="3716857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T_b1bfe6e8b83d41538e50a36b00276432_Shape">
            <a:extLst>
              <a:ext uri="{FF2B5EF4-FFF2-40B4-BE49-F238E27FC236}">
                <a16:creationId xmlns:a16="http://schemas.microsoft.com/office/drawing/2014/main" id="{34B8AC7B-A4C6-4E90-9454-AD5B10735040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941985" y="4154075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T_76a5c1252a68487fb4522c41f1227847_Shape">
            <a:extLst>
              <a:ext uri="{FF2B5EF4-FFF2-40B4-BE49-F238E27FC236}">
                <a16:creationId xmlns:a16="http://schemas.microsoft.com/office/drawing/2014/main" id="{C0E592A5-6EDA-462B-A69B-86A99DE36CC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332177" y="4591294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be7cff4261844e06a1b9f5884851b609_Shape">
            <a:extLst>
              <a:ext uri="{FF2B5EF4-FFF2-40B4-BE49-F238E27FC236}">
                <a16:creationId xmlns:a16="http://schemas.microsoft.com/office/drawing/2014/main" id="{00EBFCB3-5E20-4F4F-8F68-3F1F499714CC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6471531" y="5028513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_742acef71ce14e3a81cbf1cfd2857ec1_Shape">
            <a:extLst>
              <a:ext uri="{FF2B5EF4-FFF2-40B4-BE49-F238E27FC236}">
                <a16:creationId xmlns:a16="http://schemas.microsoft.com/office/drawing/2014/main" id="{619909D7-2131-40AC-8A4C-36D8DDA9EB8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6805981" y="5465731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9d37466f7f5e4cd689dbf71019a28925_Shape">
            <a:extLst>
              <a:ext uri="{FF2B5EF4-FFF2-40B4-BE49-F238E27FC236}">
                <a16:creationId xmlns:a16="http://schemas.microsoft.com/office/drawing/2014/main" id="{5460FACB-7440-4038-886F-2025DB962A30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642108" y="5902950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T_1d82752161664fef834e0d66662ce482_Shape">
            <a:extLst>
              <a:ext uri="{FF2B5EF4-FFF2-40B4-BE49-F238E27FC236}">
                <a16:creationId xmlns:a16="http://schemas.microsoft.com/office/drawing/2014/main" id="{B92C0EA1-11FB-48A0-9AFF-385982B8594E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10150487" y="6510687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T_a3ba4b0c26b849729451b2563e1c56bb_Shape">
            <a:extLst>
              <a:ext uri="{FF2B5EF4-FFF2-40B4-BE49-F238E27FC236}">
                <a16:creationId xmlns:a16="http://schemas.microsoft.com/office/drawing/2014/main" id="{F05EBB29-F1CB-4B6E-A031-B27F2DED136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4241861" y="2842419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T_419c50029c3441a582289b7345e4ffa3_StartDate">
            <a:extLst>
              <a:ext uri="{FF2B5EF4-FFF2-40B4-BE49-F238E27FC236}">
                <a16:creationId xmlns:a16="http://schemas.microsoft.com/office/drawing/2014/main" id="{6FE7B7A6-D5D2-4B8A-8137-54A59A9DBA1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49579" y="2429288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5</a:t>
            </a:r>
          </a:p>
        </p:txBody>
      </p:sp>
      <p:sp>
        <p:nvSpPr>
          <p:cNvPr id="83" name="OTLSHAPE_T_419c50029c3441a582289b7345e4ffa3_Title">
            <a:extLst>
              <a:ext uri="{FF2B5EF4-FFF2-40B4-BE49-F238E27FC236}">
                <a16:creationId xmlns:a16="http://schemas.microsoft.com/office/drawing/2014/main" id="{C57815D5-6357-4738-992F-CDE1F57B4C2A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321935" y="2151906"/>
            <a:ext cx="5651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blication Date - Annual True-up (ATU) Informational Filing and Stakeholder Review Period begins</a:t>
            </a:r>
          </a:p>
        </p:txBody>
      </p:sp>
      <p:sp>
        <p:nvSpPr>
          <p:cNvPr id="84" name="OTLSHAPE_T_419c50029c3441a582289b7345e4ffa3_EndDate">
            <a:extLst>
              <a:ext uri="{FF2B5EF4-FFF2-40B4-BE49-F238E27FC236}">
                <a16:creationId xmlns:a16="http://schemas.microsoft.com/office/drawing/2014/main" id="{2593195F-E91D-4ED9-A84D-5AA9DE1E18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333407" y="25068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b3a78e578dc940fbac53089eb443b43b_StartDate">
            <a:extLst>
              <a:ext uri="{FF2B5EF4-FFF2-40B4-BE49-F238E27FC236}">
                <a16:creationId xmlns:a16="http://schemas.microsoft.com/office/drawing/2014/main" id="{D2356E9F-12AD-4719-9F3E-F022599B4D8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243434" y="33037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5</a:t>
            </a:r>
          </a:p>
        </p:txBody>
      </p:sp>
      <p:sp>
        <p:nvSpPr>
          <p:cNvPr id="86" name="OTLSHAPE_T_b3a78e578dc940fbac53089eb443b43b_Title">
            <a:extLst>
              <a:ext uri="{FF2B5EF4-FFF2-40B4-BE49-F238E27FC236}">
                <a16:creationId xmlns:a16="http://schemas.microsoft.com/office/drawing/2014/main" id="{454014A5-AFBB-45D9-A01B-42CA43D7E56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32053" y="3109119"/>
            <a:ext cx="195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takeholder Review Meeting held</a:t>
            </a:r>
          </a:p>
        </p:txBody>
      </p:sp>
      <p:sp>
        <p:nvSpPr>
          <p:cNvPr id="87" name="OTLSHAPE_T_b3a78e578dc940fbac53089eb443b43b_EndDate">
            <a:extLst>
              <a:ext uri="{FF2B5EF4-FFF2-40B4-BE49-F238E27FC236}">
                <a16:creationId xmlns:a16="http://schemas.microsoft.com/office/drawing/2014/main" id="{CF8C4877-F522-480D-A589-0147AD4A854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128768" y="3303726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88" name="OTLSHAPE_T_922a9c905252441a853c034918a25b1c_StartDate">
            <a:extLst>
              <a:ext uri="{FF2B5EF4-FFF2-40B4-BE49-F238E27FC236}">
                <a16:creationId xmlns:a16="http://schemas.microsoft.com/office/drawing/2014/main" id="{BB31960F-BF5B-4F03-B9D1-8EDADE2D0771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500051" y="3740944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89" name="OTLSHAPE_T_922a9c905252441a853c034918a25b1c_Title">
            <a:extLst>
              <a:ext uri="{FF2B5EF4-FFF2-40B4-BE49-F238E27FC236}">
                <a16:creationId xmlns:a16="http://schemas.microsoft.com/office/drawing/2014/main" id="{73FE2ED7-F2F6-4682-8D31-081176A1933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5914114" y="3546338"/>
            <a:ext cx="252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ue date for any changes to Annual Update</a:t>
            </a:r>
          </a:p>
        </p:txBody>
      </p:sp>
      <p:sp>
        <p:nvSpPr>
          <p:cNvPr id="90" name="OTLSHAPE_T_922a9c905252441a853c034918a25b1c_EndDate">
            <a:extLst>
              <a:ext uri="{FF2B5EF4-FFF2-40B4-BE49-F238E27FC236}">
                <a16:creationId xmlns:a16="http://schemas.microsoft.com/office/drawing/2014/main" id="{84DA73EE-7BA9-4110-ABF8-1EC050797D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015714" y="38184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b1bfe6e8b83d41538e50a36b00276432_StartDate">
            <a:extLst>
              <a:ext uri="{FF2B5EF4-FFF2-40B4-BE49-F238E27FC236}">
                <a16:creationId xmlns:a16="http://schemas.microsoft.com/office/drawing/2014/main" id="{8249A76A-F86B-4967-A94B-559B4A8A8E7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603022" y="417816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</a:t>
            </a:r>
          </a:p>
        </p:txBody>
      </p:sp>
      <p:sp>
        <p:nvSpPr>
          <p:cNvPr id="92" name="OTLSHAPE_T_b1bfe6e8b83d41538e50a36b00276432_Title">
            <a:extLst>
              <a:ext uri="{FF2B5EF4-FFF2-40B4-BE49-F238E27FC236}">
                <a16:creationId xmlns:a16="http://schemas.microsoft.com/office/drawing/2014/main" id="{AC72301C-CF8C-4AFF-9B6C-45CAD00DA57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941985" y="3983557"/>
            <a:ext cx="200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 for Information Requests</a:t>
            </a:r>
          </a:p>
        </p:txBody>
      </p:sp>
      <p:sp>
        <p:nvSpPr>
          <p:cNvPr id="93" name="OTLSHAPE_T_b1bfe6e8b83d41538e50a36b00276432_EndDate">
            <a:extLst>
              <a:ext uri="{FF2B5EF4-FFF2-40B4-BE49-F238E27FC236}">
                <a16:creationId xmlns:a16="http://schemas.microsoft.com/office/drawing/2014/main" id="{ACC95672-9095-49ED-837A-8CCB78D41A8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043585" y="4255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76a5c1252a68487fb4522c41f1227847_StartDate">
            <a:extLst>
              <a:ext uri="{FF2B5EF4-FFF2-40B4-BE49-F238E27FC236}">
                <a16:creationId xmlns:a16="http://schemas.microsoft.com/office/drawing/2014/main" id="{FD790D33-97DF-41EA-8606-890780C19120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928825" y="461538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95" name="OTLSHAPE_T_76a5c1252a68487fb4522c41f1227847_Title">
            <a:extLst>
              <a:ext uri="{FF2B5EF4-FFF2-40B4-BE49-F238E27FC236}">
                <a16:creationId xmlns:a16="http://schemas.microsoft.com/office/drawing/2014/main" id="{BE78FC07-6D66-43D6-8741-804DC20877D9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332177" y="4420775"/>
            <a:ext cx="490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ost changes to Annual Update, including any changes to Network Service Peak Load</a:t>
            </a:r>
          </a:p>
        </p:txBody>
      </p:sp>
      <p:sp>
        <p:nvSpPr>
          <p:cNvPr id="96" name="OTLSHAPE_T_76a5c1252a68487fb4522c41f1227847_EndDate">
            <a:extLst>
              <a:ext uri="{FF2B5EF4-FFF2-40B4-BE49-F238E27FC236}">
                <a16:creationId xmlns:a16="http://schemas.microsoft.com/office/drawing/2014/main" id="{D8B09785-05B8-4589-BB64-5DD5B58A06F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433777" y="46928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be7cff4261844e06a1b9f5884851b609_StartDate">
            <a:extLst>
              <a:ext uri="{FF2B5EF4-FFF2-40B4-BE49-F238E27FC236}">
                <a16:creationId xmlns:a16="http://schemas.microsoft.com/office/drawing/2014/main" id="{3683C564-6ED2-47D9-A8A1-09F6BB77A45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068179" y="505260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8" name="OTLSHAPE_T_be7cff4261844e06a1b9f5884851b609_Title">
            <a:extLst>
              <a:ext uri="{FF2B5EF4-FFF2-40B4-BE49-F238E27FC236}">
                <a16:creationId xmlns:a16="http://schemas.microsoft.com/office/drawing/2014/main" id="{C2ABBF4C-4875-4CDF-BAEF-26202365E56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471531" y="4857994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Responses to all Information Requests due</a:t>
            </a:r>
          </a:p>
        </p:txBody>
      </p:sp>
      <p:sp>
        <p:nvSpPr>
          <p:cNvPr id="99" name="OTLSHAPE_T_be7cff4261844e06a1b9f5884851b609_EndDate">
            <a:extLst>
              <a:ext uri="{FF2B5EF4-FFF2-40B4-BE49-F238E27FC236}">
                <a16:creationId xmlns:a16="http://schemas.microsoft.com/office/drawing/2014/main" id="{E865261B-A31E-4C58-A8A3-32E96E4A7C9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573131" y="51301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742acef71ce14e3a81cbf1cfd2857ec1_StartDate">
            <a:extLst>
              <a:ext uri="{FF2B5EF4-FFF2-40B4-BE49-F238E27FC236}">
                <a16:creationId xmlns:a16="http://schemas.microsoft.com/office/drawing/2014/main" id="{C796E7EE-B5B0-4322-8BCB-D47A32B7B5F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494028" y="548981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101" name="OTLSHAPE_T_742acef71ce14e3a81cbf1cfd2857ec1_Title">
            <a:extLst>
              <a:ext uri="{FF2B5EF4-FFF2-40B4-BE49-F238E27FC236}">
                <a16:creationId xmlns:a16="http://schemas.microsoft.com/office/drawing/2014/main" id="{113CD8A9-F236-45C2-B60C-844D25A433D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6805981" y="5295834"/>
            <a:ext cx="116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2024 Rates effective</a:t>
            </a:r>
          </a:p>
        </p:txBody>
      </p:sp>
      <p:sp>
        <p:nvSpPr>
          <p:cNvPr id="102" name="OTLSHAPE_T_742acef71ce14e3a81cbf1cfd2857ec1_EndDate">
            <a:extLst>
              <a:ext uri="{FF2B5EF4-FFF2-40B4-BE49-F238E27FC236}">
                <a16:creationId xmlns:a16="http://schemas.microsoft.com/office/drawing/2014/main" id="{D565B568-18B7-4E67-9D18-0DE01C662C3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907581" y="55673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9d37466f7f5e4cd689dbf71019a28925_StartDate">
            <a:extLst>
              <a:ext uri="{FF2B5EF4-FFF2-40B4-BE49-F238E27FC236}">
                <a16:creationId xmlns:a16="http://schemas.microsoft.com/office/drawing/2014/main" id="{057F4DDC-1A12-4D88-8F10-029AC2D78DA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265765" y="592703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31</a:t>
            </a:r>
          </a:p>
        </p:txBody>
      </p:sp>
      <p:sp>
        <p:nvSpPr>
          <p:cNvPr id="104" name="OTLSHAPE_T_9d37466f7f5e4cd689dbf71019a28925_Title">
            <a:extLst>
              <a:ext uri="{FF2B5EF4-FFF2-40B4-BE49-F238E27FC236}">
                <a16:creationId xmlns:a16="http://schemas.microsoft.com/office/drawing/2014/main" id="{2B89340D-3A8F-4F59-9FA1-7203AA39F04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642108" y="5732431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eadline for Informal Challenges</a:t>
            </a:r>
          </a:p>
        </p:txBody>
      </p:sp>
      <p:sp>
        <p:nvSpPr>
          <p:cNvPr id="105" name="OTLSHAPE_T_9d37466f7f5e4cd689dbf71019a28925_EndDate">
            <a:extLst>
              <a:ext uri="{FF2B5EF4-FFF2-40B4-BE49-F238E27FC236}">
                <a16:creationId xmlns:a16="http://schemas.microsoft.com/office/drawing/2014/main" id="{E89C6055-83F4-4634-8E15-F5F8AE1341B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743708" y="60045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1d82752161664fef834e0d66662ce482_StartDate">
            <a:extLst>
              <a:ext uri="{FF2B5EF4-FFF2-40B4-BE49-F238E27FC236}">
                <a16:creationId xmlns:a16="http://schemas.microsoft.com/office/drawing/2014/main" id="{C7A8DAA9-9246-431F-9AE4-6ED4B43409E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597601" y="6486601"/>
            <a:ext cx="502086" cy="2032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22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107" name="OTLSHAPE_T_1d82752161664fef834e0d66662ce482_Title">
            <a:extLst>
              <a:ext uri="{FF2B5EF4-FFF2-40B4-BE49-F238E27FC236}">
                <a16:creationId xmlns:a16="http://schemas.microsoft.com/office/drawing/2014/main" id="{E057E11D-6A79-468D-9C77-C313B676152F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998314" y="6121502"/>
            <a:ext cx="119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Deadline for Formal Challenges</a:t>
            </a:r>
          </a:p>
        </p:txBody>
      </p:sp>
      <p:sp>
        <p:nvSpPr>
          <p:cNvPr id="108" name="OTLSHAPE_T_1d82752161664fef834e0d66662ce482_EndDate">
            <a:extLst>
              <a:ext uri="{FF2B5EF4-FFF2-40B4-BE49-F238E27FC236}">
                <a16:creationId xmlns:a16="http://schemas.microsoft.com/office/drawing/2014/main" id="{307A026C-ABF2-4424-9ADA-45FE31E1D03F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252087" y="661228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a3ba4b0c26b849729451b2563e1c56bb_StartDate">
            <a:extLst>
              <a:ext uri="{FF2B5EF4-FFF2-40B4-BE49-F238E27FC236}">
                <a16:creationId xmlns:a16="http://schemas.microsoft.com/office/drawing/2014/main" id="{D5426583-2DE8-44C5-9AC5-6073A7433E1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917630" y="286650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Oct 1</a:t>
            </a:r>
          </a:p>
        </p:txBody>
      </p:sp>
      <p:sp>
        <p:nvSpPr>
          <p:cNvPr id="110" name="OTLSHAPE_T_a3ba4b0c26b849729451b2563e1c56bb_Title">
            <a:extLst>
              <a:ext uri="{FF2B5EF4-FFF2-40B4-BE49-F238E27FC236}">
                <a16:creationId xmlns:a16="http://schemas.microsoft.com/office/drawing/2014/main" id="{C59D94CF-143B-4638-9840-555D7D9EBBF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241861" y="2671901"/>
            <a:ext cx="543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osting Date - Annual Update - Projected Annual Transmission Revenue Requirement and ATU</a:t>
            </a:r>
          </a:p>
        </p:txBody>
      </p:sp>
      <p:sp>
        <p:nvSpPr>
          <p:cNvPr id="111" name="OTLSHAPE_T_a3ba4b0c26b849729451b2563e1c56bb_EndDate">
            <a:extLst>
              <a:ext uri="{FF2B5EF4-FFF2-40B4-BE49-F238E27FC236}">
                <a16:creationId xmlns:a16="http://schemas.microsoft.com/office/drawing/2014/main" id="{598303F7-E151-4561-AF2E-087A7454A3C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343461" y="29440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spc="-2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68B32C0-236B-D279-5A6B-536051E26DE4}"/>
              </a:ext>
            </a:extLst>
          </p:cNvPr>
          <p:cNvSpPr txBox="1"/>
          <p:nvPr/>
        </p:nvSpPr>
        <p:spPr>
          <a:xfrm>
            <a:off x="983473" y="4255675"/>
            <a:ext cx="346910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nnual stakeholder meeting 10/16 at 1 PM.</a:t>
            </a:r>
          </a:p>
        </p:txBody>
      </p:sp>
    </p:spTree>
    <p:extLst>
      <p:ext uri="{BB962C8B-B14F-4D97-AF65-F5344CB8AC3E}">
        <p14:creationId xmlns:p14="http://schemas.microsoft.com/office/powerpoint/2010/main" val="258168524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22-05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LeafTimeband"/>
  <p:tag name="OTLTIMEBANDSHAPEHEIGHT" val="3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6-15T00:00:00.0000000Z"/>
  <p:tag name="OTLENDDATE" val="2021-06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15T00:00:00.0000000Z"/>
  <p:tag name="OTLENDDATE" val="2021-10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1-30T00:00:00.0000000Z"/>
  <p:tag name="OTLENDDATE" val="2021-11-3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01T00:00:00.0000000Z"/>
  <p:tag name="OTLENDDATE" val="2021-12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15T00:00:00.0000000Z"/>
  <p:tag name="OTLENDDATE" val="2021-12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20T00:00:00.0000000Z"/>
  <p:tag name="OTLENDDATE" val="2021-12-2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1T00:00:00.0000000Z"/>
  <p:tag name="OTLENDDATE" val="2022-01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31T00:00:00.0000000Z"/>
  <p:tag name="OTLENDDATE" val="2022-01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5-01T00:00:00.0000000Z"/>
  <p:tag name="OTLENDDATE" val="2022-05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01T00:00:00.0000000Z"/>
  <p:tag name="OTLENDDATE" val="2021-10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AES_MASTERTemplate_Guidelines_0316">
  <a:themeElements>
    <a:clrScheme name="AES Colors Final Tempalte">
      <a:dk1>
        <a:srgbClr val="000000"/>
      </a:dk1>
      <a:lt1>
        <a:srgbClr val="FFFFFF"/>
      </a:lt1>
      <a:dk2>
        <a:srgbClr val="E4E5E4"/>
      </a:dk2>
      <a:lt2>
        <a:srgbClr val="F4F5F4"/>
      </a:lt2>
      <a:accent1>
        <a:srgbClr val="204ADE"/>
      </a:accent1>
      <a:accent2>
        <a:srgbClr val="8C5CF2"/>
      </a:accent2>
      <a:accent3>
        <a:srgbClr val="00A2C7"/>
      </a:accent3>
      <a:accent4>
        <a:srgbClr val="16A837"/>
      </a:accent4>
      <a:accent5>
        <a:srgbClr val="BFBFBF"/>
      </a:accent5>
      <a:accent6>
        <a:srgbClr val="7FD0E3"/>
      </a:accent6>
      <a:hlink>
        <a:srgbClr val="204ADE"/>
      </a:hlink>
      <a:folHlink>
        <a:srgbClr val="C5ADF9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none" rtlCol="0">
        <a:spAutoFit/>
      </a:bodyPr>
      <a:lstStyle>
        <a:defPPr algn="l">
          <a:defRPr sz="2400" dirty="0" smtClean="0">
            <a:latin typeface="Arial" panose="020B0604020202020204" pitchFamily="34" charset="0"/>
            <a:cs typeface="Arial" panose="020B060402020202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ES Indiana Master Template" id="{AD245222-095B-DE42-823E-6EC9B210E4A4}" vid="{A82C13AE-99F2-BA41-8562-3B3EA3653F32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0968F33918A864586453495507E48EC" ma:contentTypeVersion="8" ma:contentTypeDescription="Create a new document." ma:contentTypeScope="" ma:versionID="9bce969b80be0e7452bf860544d7a586">
  <xsd:schema xmlns:xsd="http://www.w3.org/2001/XMLSchema" xmlns:xs="http://www.w3.org/2001/XMLSchema" xmlns:p="http://schemas.microsoft.com/office/2006/metadata/properties" xmlns:ns2="105a3813-a66c-4ab3-a28a-39e52728d7ee" xmlns:ns3="2ebaaeb8-4f79-42c6-8194-1050aaa831e5" targetNamespace="http://schemas.microsoft.com/office/2006/metadata/properties" ma:root="true" ma:fieldsID="f3b890a301364e6d96ad59931ecd31b3" ns2:_="" ns3:_="">
    <xsd:import namespace="105a3813-a66c-4ab3-a28a-39e52728d7ee"/>
    <xsd:import namespace="2ebaaeb8-4f79-42c6-8194-1050aaa831e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5a3813-a66c-4ab3-a28a-39e52728d7e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ObjectDetectorVersions" ma:index="1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5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ebaaeb8-4f79-42c6-8194-1050aaa831e5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76E2F18C-901C-4004-8D08-C7579CD11603}"/>
</file>

<file path=customXml/itemProps2.xml><?xml version="1.0" encoding="utf-8"?>
<ds:datastoreItem xmlns:ds="http://schemas.openxmlformats.org/officeDocument/2006/customXml" ds:itemID="{C82A40D1-5DCB-4903-A884-EFD3758758C0}">
  <ds:schemaRefs>
    <ds:schemaRef ds:uri="http://www.w3.org/XML/1998/namespace"/>
    <ds:schemaRef ds:uri="http://schemas.microsoft.com/office/2006/metadata/properties"/>
    <ds:schemaRef ds:uri="105a3813-a66c-4ab3-a28a-39e52728d7ee"/>
    <ds:schemaRef ds:uri="http://purl.org/dc/elements/1.1/"/>
    <ds:schemaRef ds:uri="http://schemas.microsoft.com/office/2006/documentManagement/types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2A56FDB7-5D31-4F3C-8612-DC657E38CD69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275</TotalTime>
  <Words>289</Words>
  <Application>Microsoft Office PowerPoint</Application>
  <PresentationFormat>Widescreen</PresentationFormat>
  <Paragraphs>76</Paragraphs>
  <Slides>9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9</vt:i4>
      </vt:variant>
    </vt:vector>
  </HeadingPairs>
  <TitlesOfParts>
    <vt:vector size="18" baseType="lpstr">
      <vt:lpstr>ＭＳ Ｐゴシック</vt:lpstr>
      <vt:lpstr>Arial</vt:lpstr>
      <vt:lpstr>Calibri</vt:lpstr>
      <vt:lpstr>Calibri Light</vt:lpstr>
      <vt:lpstr>System Font Regular</vt:lpstr>
      <vt:lpstr>Office Theme</vt:lpstr>
      <vt:lpstr>1_Custom Design</vt:lpstr>
      <vt:lpstr>Custom Design</vt:lpstr>
      <vt:lpstr>AES_MASTERTemplate_Guidelines_0316</vt:lpstr>
      <vt:lpstr>Cover option </vt:lpstr>
      <vt:lpstr>Agenda</vt:lpstr>
      <vt:lpstr>2025 Projected ATRR Compared to 2024 Projected ATRR - $ in Millions</vt:lpstr>
      <vt:lpstr>2023 Actual ATRR Versus 2023 Projected ATRR - $ in Millions</vt:lpstr>
      <vt:lpstr>Corrections</vt:lpstr>
      <vt:lpstr>Corrections</vt:lpstr>
      <vt:lpstr>Transmission Operating Property Additions in 2024 and 2025 (Actual and Projected) Exceeding $5 Million</vt:lpstr>
      <vt:lpstr>PJM TO NITS Rates</vt:lpstr>
      <vt:lpstr>The Dayton Power and Light Company Annual Transmission Formula Rate Process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Dayton Power and Light Company</dc:title>
  <dc:creator>Paul Dumais</dc:creator>
  <cp:lastModifiedBy>Paul Dumais</cp:lastModifiedBy>
  <cp:revision>12</cp:revision>
  <dcterms:created xsi:type="dcterms:W3CDTF">2021-09-30T00:43:52Z</dcterms:created>
  <dcterms:modified xsi:type="dcterms:W3CDTF">2024-09-26T23:41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0968F33918A864586453495507E48EC</vt:lpwstr>
  </property>
</Properties>
</file>